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s15001\2019\2019kodomo\総務係\R2入園案内\申請書ダウンロード\"/>
    </mc:Choice>
  </mc:AlternateContent>
  <bookViews>
    <workbookView xWindow="480" yWindow="30" windowWidth="8475" windowHeight="4725"/>
  </bookViews>
  <sheets>
    <sheet name="就労・復帰 " sheetId="4" r:id="rId1"/>
    <sheet name="誓約書（求職活動）" sheetId="2" r:id="rId2"/>
    <sheet name="看護等申立て" sheetId="3" r:id="rId3"/>
  </sheets>
  <definedNames>
    <definedName name="_xlnm.Print_Area" localSheetId="2">看護等申立て!$A$1:$I$35</definedName>
    <definedName name="_xlnm.Print_Area" localSheetId="0">'就労・復帰 '!$A$1:$T$48</definedName>
    <definedName name="_xlnm.Print_Area" localSheetId="1">'誓約書（求職活動）'!$A$1:$I$35</definedName>
  </definedNames>
  <calcPr calcId="152511" calcMode="manual"/>
</workbook>
</file>

<file path=xl/sharedStrings.xml><?xml version="1.0" encoding="utf-8"?>
<sst xmlns="http://schemas.openxmlformats.org/spreadsheetml/2006/main" count="121" uniqueCount="107">
  <si>
    <t>1</t>
  </si>
  <si>
    <t>2</t>
  </si>
  <si>
    <t>3</t>
  </si>
  <si>
    <t>4</t>
  </si>
  <si>
    <t>備考</t>
  </si>
  <si>
    <t>証明日</t>
    <rPh sb="0" eb="2">
      <t>ショウメイ</t>
    </rPh>
    <rPh sb="2" eb="3">
      <t>ビ</t>
    </rPh>
    <phoneticPr fontId="1"/>
  </si>
  <si>
    <t>事業所名</t>
    <rPh sb="0" eb="3">
      <t>ジギョウショ</t>
    </rPh>
    <rPh sb="3" eb="4">
      <t>メイ</t>
    </rPh>
    <phoneticPr fontId="1"/>
  </si>
  <si>
    <t>代表者名</t>
    <rPh sb="0" eb="3">
      <t>ダイヒョウシャ</t>
    </rPh>
    <rPh sb="3" eb="4">
      <t>メイ</t>
    </rPh>
    <phoneticPr fontId="1"/>
  </si>
  <si>
    <t>所在地</t>
    <rPh sb="0" eb="3">
      <t>ショザイチ</t>
    </rPh>
    <phoneticPr fontId="1"/>
  </si>
  <si>
    <t>電話番号</t>
    <rPh sb="0" eb="2">
      <t>デンワ</t>
    </rPh>
    <rPh sb="2" eb="4">
      <t>バンゴウ</t>
    </rPh>
    <phoneticPr fontId="1"/>
  </si>
  <si>
    <t>記入者名</t>
    <rPh sb="0" eb="2">
      <t>キニュウ</t>
    </rPh>
    <rPh sb="2" eb="3">
      <t>シャ</t>
    </rPh>
    <rPh sb="3" eb="4">
      <t>メイ</t>
    </rPh>
    <phoneticPr fontId="1"/>
  </si>
  <si>
    <t>記入者連絡先</t>
    <rPh sb="0" eb="2">
      <t>キニュウ</t>
    </rPh>
    <rPh sb="2" eb="3">
      <t>シャ</t>
    </rPh>
    <rPh sb="3" eb="6">
      <t>レンラクサキ</t>
    </rPh>
    <phoneticPr fontId="1"/>
  </si>
  <si>
    <t>年　　　　月　　　　　日</t>
    <rPh sb="0" eb="1">
      <t>ネン</t>
    </rPh>
    <rPh sb="5" eb="6">
      <t>ガツ</t>
    </rPh>
    <rPh sb="11" eb="12">
      <t>ヒ</t>
    </rPh>
    <phoneticPr fontId="1"/>
  </si>
  <si>
    <t>就労内容</t>
    <rPh sb="0" eb="2">
      <t>シュウロウ</t>
    </rPh>
    <rPh sb="2" eb="4">
      <t>ナイヨウ</t>
    </rPh>
    <phoneticPr fontId="1"/>
  </si>
  <si>
    <t>児童生年月日</t>
    <rPh sb="0" eb="2">
      <t>ジドウ</t>
    </rPh>
    <rPh sb="2" eb="4">
      <t>セイネン</t>
    </rPh>
    <rPh sb="4" eb="6">
      <t>ガッピ</t>
    </rPh>
    <phoneticPr fontId="1"/>
  </si>
  <si>
    <t>業　　種</t>
    <rPh sb="0" eb="1">
      <t>ゴウ</t>
    </rPh>
    <rPh sb="3" eb="4">
      <t>タネ</t>
    </rPh>
    <phoneticPr fontId="1"/>
  </si>
  <si>
    <t>就労者氏名</t>
    <rPh sb="0" eb="2">
      <t>シュウロウ</t>
    </rPh>
    <rPh sb="2" eb="3">
      <t>シャ</t>
    </rPh>
    <phoneticPr fontId="1"/>
  </si>
  <si>
    <t>就労者住所</t>
    <rPh sb="0" eb="2">
      <t>シュウロウ</t>
    </rPh>
    <rPh sb="2" eb="3">
      <t>シャ</t>
    </rPh>
    <phoneticPr fontId="1"/>
  </si>
  <si>
    <t>1ヶ月の就労日数</t>
    <rPh sb="2" eb="3">
      <t>ゲツ</t>
    </rPh>
    <rPh sb="4" eb="6">
      <t>シュウロウ</t>
    </rPh>
    <rPh sb="6" eb="8">
      <t>ニッスウ</t>
    </rPh>
    <phoneticPr fontId="1"/>
  </si>
  <si>
    <t>日</t>
    <rPh sb="0" eb="1">
      <t>ニチ</t>
    </rPh>
    <phoneticPr fontId="1"/>
  </si>
  <si>
    <t>就労日</t>
    <rPh sb="0" eb="2">
      <t>シュウロウ</t>
    </rPh>
    <rPh sb="2" eb="3">
      <t>ビ</t>
    </rPh>
    <phoneticPr fontId="1"/>
  </si>
  <si>
    <t>休憩時間</t>
    <rPh sb="0" eb="2">
      <t>キュウケイ</t>
    </rPh>
    <rPh sb="2" eb="4">
      <t>ジカン</t>
    </rPh>
    <phoneticPr fontId="1"/>
  </si>
  <si>
    <t>下記の内容について、事実であることを証明いたします。</t>
    <phoneticPr fontId="1"/>
  </si>
  <si>
    <t>就労者氏名</t>
    <rPh sb="0" eb="2">
      <t>シュウロウ</t>
    </rPh>
    <rPh sb="2" eb="3">
      <t>シャ</t>
    </rPh>
    <rPh sb="3" eb="5">
      <t>シメイ</t>
    </rPh>
    <phoneticPr fontId="1"/>
  </si>
  <si>
    <t>児童との関係</t>
    <rPh sb="0" eb="2">
      <t>ジドウ</t>
    </rPh>
    <rPh sb="4" eb="6">
      <t>カンケイ</t>
    </rPh>
    <phoneticPr fontId="1"/>
  </si>
  <si>
    <t>　父　・　母　・　（　　　　　　）</t>
    <rPh sb="1" eb="2">
      <t>チチ</t>
    </rPh>
    <rPh sb="5" eb="6">
      <t>ハハ</t>
    </rPh>
    <phoneticPr fontId="1"/>
  </si>
  <si>
    <t>職場への通勤時間・通勤方法</t>
    <rPh sb="0" eb="2">
      <t>ショクバ</t>
    </rPh>
    <rPh sb="4" eb="6">
      <t>ツウキン</t>
    </rPh>
    <rPh sb="6" eb="8">
      <t>ジカン</t>
    </rPh>
    <rPh sb="9" eb="11">
      <t>ツウキン</t>
    </rPh>
    <rPh sb="11" eb="13">
      <t>ホウホウ</t>
    </rPh>
    <phoneticPr fontId="1"/>
  </si>
  <si>
    <t>美濃加茂市長　宛</t>
    <rPh sb="0" eb="6">
      <t>ミノカモシチョウ</t>
    </rPh>
    <rPh sb="7" eb="8">
      <t>アテ</t>
    </rPh>
    <phoneticPr fontId="1"/>
  </si>
  <si>
    <t>入所以降の短時間勤務制度の利用予定</t>
    <rPh sb="0" eb="2">
      <t>ニュウショ</t>
    </rPh>
    <rPh sb="2" eb="4">
      <t>イコウ</t>
    </rPh>
    <rPh sb="5" eb="8">
      <t>タンジカン</t>
    </rPh>
    <rPh sb="8" eb="10">
      <t>キンム</t>
    </rPh>
    <rPh sb="10" eb="12">
      <t>セイド</t>
    </rPh>
    <rPh sb="13" eb="15">
      <t>リヨウ</t>
    </rPh>
    <rPh sb="15" eb="17">
      <t>ヨテイ</t>
    </rPh>
    <phoneticPr fontId="1"/>
  </si>
  <si>
    <t>有　　・　　無</t>
    <rPh sb="0" eb="1">
      <t>アリ</t>
    </rPh>
    <rPh sb="6" eb="7">
      <t>ナシ</t>
    </rPh>
    <phoneticPr fontId="1"/>
  </si>
  <si>
    <t>就労・復帰　（予定）　証明書</t>
    <rPh sb="0" eb="2">
      <t>シュウロウ</t>
    </rPh>
    <rPh sb="3" eb="5">
      <t>フッキ</t>
    </rPh>
    <rPh sb="7" eb="9">
      <t>ヨテイ</t>
    </rPh>
    <rPh sb="11" eb="14">
      <t>ショウメイショ</t>
    </rPh>
    <phoneticPr fontId="1"/>
  </si>
  <si>
    <t>保護者記入欄</t>
    <rPh sb="0" eb="3">
      <t>ホゴシャ</t>
    </rPh>
    <rPh sb="3" eb="5">
      <t>キニュウ</t>
    </rPh>
    <rPh sb="5" eb="6">
      <t>ラン</t>
    </rPh>
    <phoneticPr fontId="1"/>
  </si>
  <si>
    <t>※</t>
    <phoneticPr fontId="1"/>
  </si>
  <si>
    <t>この証明書の内容が事実と相違があった場合は、入園決定ができません。</t>
  </si>
  <si>
    <t>約　　　時間　　　分　（自動車・電車・バス・自転車・徒歩）</t>
    <rPh sb="0" eb="1">
      <t>ヤク</t>
    </rPh>
    <rPh sb="4" eb="6">
      <t>ジカン</t>
    </rPh>
    <rPh sb="9" eb="10">
      <t>フン</t>
    </rPh>
    <phoneticPr fontId="1"/>
  </si>
  <si>
    <t>在園施設名（在園者のみ記入）</t>
    <rPh sb="0" eb="2">
      <t>ザイエン</t>
    </rPh>
    <rPh sb="2" eb="4">
      <t>シセツ</t>
    </rPh>
    <rPh sb="4" eb="5">
      <t>メイ</t>
    </rPh>
    <rPh sb="6" eb="8">
      <t>ザイエン</t>
    </rPh>
    <rPh sb="8" eb="9">
      <t>シャ</t>
    </rPh>
    <rPh sb="11" eb="13">
      <t>キニュウ</t>
    </rPh>
    <phoneticPr fontId="1"/>
  </si>
  <si>
    <t>印</t>
    <rPh sb="0" eb="1">
      <t>イン</t>
    </rPh>
    <phoneticPr fontId="1"/>
  </si>
  <si>
    <t>雇用・就労の形態</t>
    <rPh sb="3" eb="5">
      <t>シュウロウ</t>
    </rPh>
    <phoneticPr fontId="1"/>
  </si>
  <si>
    <t>上記就労時間のうち　休憩時間　　　　　　　時間　　　　   分</t>
    <rPh sb="0" eb="2">
      <t>ジョウキ</t>
    </rPh>
    <rPh sb="2" eb="4">
      <t>シュウロウ</t>
    </rPh>
    <rPh sb="4" eb="6">
      <t>ジカン</t>
    </rPh>
    <rPh sb="10" eb="12">
      <t>キュウケイ</t>
    </rPh>
    <rPh sb="12" eb="14">
      <t>ジカン</t>
    </rPh>
    <rPh sb="21" eb="23">
      <t>ジカン</t>
    </rPh>
    <rPh sb="30" eb="31">
      <t>フン</t>
    </rPh>
    <phoneticPr fontId="1"/>
  </si>
  <si>
    <t>年　　　　　月　　　　　日</t>
    <rPh sb="0" eb="1">
      <t>ネン</t>
    </rPh>
    <rPh sb="6" eb="7">
      <t>ツキ</t>
    </rPh>
    <rPh sb="12" eb="13">
      <t>ヒ</t>
    </rPh>
    <phoneticPr fontId="1"/>
  </si>
  <si>
    <t>□月  □火  □水  □木  □金  □土  □日  □祝日</t>
    <rPh sb="21" eb="22">
      <t>ド</t>
    </rPh>
    <phoneticPr fontId="1"/>
  </si>
  <si>
    <t>児 童 氏 名</t>
    <rPh sb="0" eb="1">
      <t>ジ</t>
    </rPh>
    <rPh sb="2" eb="3">
      <t>ワラベ</t>
    </rPh>
    <rPh sb="4" eb="5">
      <t>シ</t>
    </rPh>
    <rPh sb="6" eb="7">
      <t>メイ</t>
    </rPh>
    <phoneticPr fontId="1"/>
  </si>
  <si>
    <t>この証明書の提出後に内容が変更となった場合は、すみやかに市役所こども課まで届出してください。</t>
    <rPh sb="2" eb="5">
      <t>ショウメイショ</t>
    </rPh>
    <rPh sb="6" eb="8">
      <t>テイシュツ</t>
    </rPh>
    <rPh sb="8" eb="9">
      <t>ゴ</t>
    </rPh>
    <rPh sb="10" eb="12">
      <t>ナイヨウ</t>
    </rPh>
    <rPh sb="13" eb="15">
      <t>ヘンコウ</t>
    </rPh>
    <rPh sb="19" eb="21">
      <t>バアイ</t>
    </rPh>
    <rPh sb="28" eb="31">
      <t>シヤクショ</t>
    </rPh>
    <rPh sb="34" eb="35">
      <t>カ</t>
    </rPh>
    <rPh sb="37" eb="39">
      <t>トドケデ</t>
    </rPh>
    <phoneticPr fontId="1"/>
  </si>
  <si>
    <t>この証明書に基づき雇用主等に確認させていただくことがあります。</t>
    <rPh sb="2" eb="5">
      <t>ショウメイショ</t>
    </rPh>
    <rPh sb="6" eb="7">
      <t>モト</t>
    </rPh>
    <rPh sb="9" eb="12">
      <t>コヨウヌシ</t>
    </rPh>
    <rPh sb="12" eb="13">
      <t>トウ</t>
    </rPh>
    <rPh sb="14" eb="16">
      <t>カクニン</t>
    </rPh>
    <phoneticPr fontId="1"/>
  </si>
  <si>
    <t>短時間勤務制度利用期間中の就労時間</t>
    <rPh sb="5" eb="7">
      <t>セイド</t>
    </rPh>
    <rPh sb="7" eb="9">
      <t>リヨウ</t>
    </rPh>
    <rPh sb="9" eb="12">
      <t>キカンチュウ</t>
    </rPh>
    <rPh sb="13" eb="15">
      <t>シュウロウ</t>
    </rPh>
    <rPh sb="15" eb="17">
      <t>ジカン</t>
    </rPh>
    <phoneticPr fontId="1"/>
  </si>
  <si>
    <t>短時間勤務制度利用期間中の休憩時間</t>
    <rPh sb="5" eb="7">
      <t>セイド</t>
    </rPh>
    <rPh sb="7" eb="9">
      <t>リヨウ</t>
    </rPh>
    <rPh sb="9" eb="12">
      <t>キカンチュウ</t>
    </rPh>
    <rPh sb="13" eb="15">
      <t>キュウケイ</t>
    </rPh>
    <rPh sb="15" eb="17">
      <t>ジカン</t>
    </rPh>
    <phoneticPr fontId="1"/>
  </si>
  <si>
    <t>誓　約　書</t>
    <rPh sb="0" eb="1">
      <t>チカイ</t>
    </rPh>
    <rPh sb="2" eb="3">
      <t>ヤク</t>
    </rPh>
    <rPh sb="4" eb="5">
      <t>ショ</t>
    </rPh>
    <phoneticPr fontId="1"/>
  </si>
  <si>
    <t>児童名</t>
    <rPh sb="0" eb="3">
      <t>ジドウメイ</t>
    </rPh>
    <phoneticPr fontId="1"/>
  </si>
  <si>
    <t>施設名</t>
    <rPh sb="0" eb="2">
      <t>シセツ</t>
    </rPh>
    <rPh sb="2" eb="3">
      <t>メイ</t>
    </rPh>
    <phoneticPr fontId="1"/>
  </si>
  <si>
    <t>受付番号</t>
    <rPh sb="0" eb="2">
      <t>ウケツケ</t>
    </rPh>
    <rPh sb="2" eb="4">
      <t>バンゴウ</t>
    </rPh>
    <phoneticPr fontId="1"/>
  </si>
  <si>
    <t>　　　　　－</t>
    <phoneticPr fontId="1"/>
  </si>
  <si>
    <t>就労者氏名</t>
    <rPh sb="0" eb="3">
      <t>シュウロウシャ</t>
    </rPh>
    <rPh sb="3" eb="5">
      <t>シメイ</t>
    </rPh>
    <phoneticPr fontId="1"/>
  </si>
  <si>
    <t>父　　・　　母　　・　　（　　　　　　　　）</t>
    <rPh sb="0" eb="1">
      <t>チチ</t>
    </rPh>
    <rPh sb="6" eb="7">
      <t>ハハ</t>
    </rPh>
    <phoneticPr fontId="1"/>
  </si>
  <si>
    <t>　</t>
    <phoneticPr fontId="1"/>
  </si>
  <si>
    <t>（児童氏名）</t>
    <rPh sb="1" eb="3">
      <t>ジドウ</t>
    </rPh>
    <rPh sb="3" eb="5">
      <t>シメイ</t>
    </rPh>
    <phoneticPr fontId="1"/>
  </si>
  <si>
    <r>
      <t>　　　私は、求職活動を行うため、</t>
    </r>
    <r>
      <rPr>
        <u/>
        <sz val="16"/>
        <rFont val="ＭＳ Ｐゴシック"/>
        <family val="3"/>
        <charset val="128"/>
      </rPr>
      <t>　　　　　　　　　　　　　　</t>
    </r>
    <r>
      <rPr>
        <sz val="16"/>
        <rFont val="ＭＳ Ｐゴシック"/>
        <family val="3"/>
        <charset val="128"/>
      </rPr>
      <t>の保育を必要とします。</t>
    </r>
    <rPh sb="3" eb="4">
      <t>ワタシ</t>
    </rPh>
    <rPh sb="6" eb="8">
      <t>キュウショク</t>
    </rPh>
    <rPh sb="8" eb="10">
      <t>カツドウ</t>
    </rPh>
    <rPh sb="11" eb="12">
      <t>オコナ</t>
    </rPh>
    <rPh sb="31" eb="33">
      <t>ホイク</t>
    </rPh>
    <rPh sb="34" eb="36">
      <t>ヒツヨウ</t>
    </rPh>
    <phoneticPr fontId="1"/>
  </si>
  <si>
    <t>　ただし、児童の入園から９０日以内に就労開始の分かる書類の提出ができない</t>
    <rPh sb="5" eb="7">
      <t>ジドウ</t>
    </rPh>
    <rPh sb="8" eb="10">
      <t>ニュウエン</t>
    </rPh>
    <rPh sb="14" eb="15">
      <t>ニチ</t>
    </rPh>
    <rPh sb="15" eb="17">
      <t>イナイ</t>
    </rPh>
    <rPh sb="18" eb="20">
      <t>シュウロウ</t>
    </rPh>
    <rPh sb="20" eb="22">
      <t>カイシ</t>
    </rPh>
    <rPh sb="23" eb="24">
      <t>ワ</t>
    </rPh>
    <rPh sb="26" eb="28">
      <t>ショルイ</t>
    </rPh>
    <rPh sb="29" eb="31">
      <t>テイシュツ</t>
    </rPh>
    <phoneticPr fontId="1"/>
  </si>
  <si>
    <t>　場合は、退園いたします。</t>
    <phoneticPr fontId="1"/>
  </si>
  <si>
    <t>　　　上記のとおり、誓約いたします。</t>
    <rPh sb="3" eb="5">
      <t>ジョウキ</t>
    </rPh>
    <rPh sb="10" eb="12">
      <t>セイヤク</t>
    </rPh>
    <phoneticPr fontId="1"/>
  </si>
  <si>
    <t>令和　　　年　　　月　　　日</t>
    <rPh sb="0" eb="1">
      <t>レイ</t>
    </rPh>
    <rPh sb="1" eb="2">
      <t>ワ</t>
    </rPh>
    <rPh sb="5" eb="6">
      <t>ネン</t>
    </rPh>
    <rPh sb="9" eb="10">
      <t>ガツ</t>
    </rPh>
    <rPh sb="13" eb="14">
      <t>ヒ</t>
    </rPh>
    <phoneticPr fontId="1"/>
  </si>
  <si>
    <t>住所</t>
    <rPh sb="0" eb="2">
      <t>ジュウショ</t>
    </rPh>
    <phoneticPr fontId="1"/>
  </si>
  <si>
    <t>美濃加茂市</t>
    <rPh sb="0" eb="5">
      <t>ミノカモシ</t>
    </rPh>
    <phoneticPr fontId="1"/>
  </si>
  <si>
    <t>氏名</t>
    <rPh sb="0" eb="2">
      <t>シメイ</t>
    </rPh>
    <phoneticPr fontId="1"/>
  </si>
  <si>
    <t>印　　　</t>
    <rPh sb="0" eb="1">
      <t>イン</t>
    </rPh>
    <phoneticPr fontId="1"/>
  </si>
  <si>
    <t>連絡先</t>
    <rPh sb="0" eb="3">
      <t>レンラクサキ</t>
    </rPh>
    <phoneticPr fontId="1"/>
  </si>
  <si>
    <t>※この誓約書の内容が事実と相違があった場合は、入園決定ができません。</t>
    <rPh sb="3" eb="6">
      <t>セイヤクショ</t>
    </rPh>
    <rPh sb="7" eb="9">
      <t>ナイヨウ</t>
    </rPh>
    <rPh sb="10" eb="12">
      <t>ジジツ</t>
    </rPh>
    <rPh sb="13" eb="15">
      <t>ソウイ</t>
    </rPh>
    <rPh sb="19" eb="21">
      <t>バアイ</t>
    </rPh>
    <rPh sb="23" eb="25">
      <t>ニュウエン</t>
    </rPh>
    <rPh sb="25" eb="27">
      <t>ケッテイ</t>
    </rPh>
    <phoneticPr fontId="1"/>
  </si>
  <si>
    <t xml:space="preserve">   この誓約書を提出後に内容が変更となった場合は、すみやかに市役所こども課まで届出してください。</t>
    <rPh sb="9" eb="11">
      <t>テイシュツ</t>
    </rPh>
    <rPh sb="11" eb="12">
      <t>ゴ</t>
    </rPh>
    <rPh sb="13" eb="15">
      <t>ナイヨウ</t>
    </rPh>
    <rPh sb="16" eb="18">
      <t>ヘンコウ</t>
    </rPh>
    <rPh sb="22" eb="24">
      <t>バアイ</t>
    </rPh>
    <rPh sb="31" eb="34">
      <t>シヤクショ</t>
    </rPh>
    <rPh sb="37" eb="38">
      <t>カ</t>
    </rPh>
    <phoneticPr fontId="1"/>
  </si>
  <si>
    <t>　　</t>
    <phoneticPr fontId="1"/>
  </si>
  <si>
    <t>申　立　書</t>
    <rPh sb="0" eb="1">
      <t>シン</t>
    </rPh>
    <rPh sb="2" eb="3">
      <t>リツ</t>
    </rPh>
    <rPh sb="4" eb="5">
      <t>ショ</t>
    </rPh>
    <phoneticPr fontId="1"/>
  </si>
  <si>
    <t>　　　　　－</t>
    <phoneticPr fontId="1"/>
  </si>
  <si>
    <t>申立者</t>
    <rPh sb="0" eb="2">
      <t>モウシタ</t>
    </rPh>
    <rPh sb="2" eb="3">
      <t>シャ</t>
    </rPh>
    <phoneticPr fontId="1"/>
  </si>
  <si>
    <t>　</t>
    <phoneticPr fontId="1"/>
  </si>
  <si>
    <r>
      <t>　　　私は、障がいまたは長期入院など、常時の介護や看護が必要な親族がいるた</t>
    </r>
    <r>
      <rPr>
        <u/>
        <sz val="16"/>
        <rFont val="ＭＳ Ｐゴシック"/>
        <family val="3"/>
        <charset val="128"/>
      </rPr>
      <t/>
    </r>
    <rPh sb="3" eb="4">
      <t>ワタシ</t>
    </rPh>
    <rPh sb="6" eb="7">
      <t>ショウ</t>
    </rPh>
    <rPh sb="12" eb="14">
      <t>チョウキ</t>
    </rPh>
    <rPh sb="14" eb="16">
      <t>ニュウイン</t>
    </rPh>
    <rPh sb="19" eb="21">
      <t>ジョウジ</t>
    </rPh>
    <rPh sb="22" eb="24">
      <t>カイゴ</t>
    </rPh>
    <rPh sb="25" eb="27">
      <t>カンゴ</t>
    </rPh>
    <rPh sb="28" eb="30">
      <t>ヒツヨウ</t>
    </rPh>
    <rPh sb="31" eb="33">
      <t>シンゾク</t>
    </rPh>
    <phoneticPr fontId="1"/>
  </si>
  <si>
    <t>　　　　（児童氏名）</t>
    <phoneticPr fontId="1"/>
  </si>
  <si>
    <r>
      <t>　　め、</t>
    </r>
    <r>
      <rPr>
        <u/>
        <sz val="16"/>
        <rFont val="ＭＳ Ｐゴシック"/>
        <family val="3"/>
        <charset val="128"/>
      </rPr>
      <t>　　　　　　　　　　　　</t>
    </r>
    <r>
      <rPr>
        <sz val="16"/>
        <rFont val="ＭＳ Ｐゴシック"/>
        <family val="3"/>
        <charset val="128"/>
      </rPr>
      <t>の保育を必要とします。</t>
    </r>
    <phoneticPr fontId="1"/>
  </si>
  <si>
    <t>　　　また、具体的な状況は下記のとおりです。</t>
    <rPh sb="6" eb="9">
      <t>グタイテキ</t>
    </rPh>
    <rPh sb="10" eb="12">
      <t>ジョウキョウ</t>
    </rPh>
    <rPh sb="13" eb="15">
      <t>カキ</t>
    </rPh>
    <phoneticPr fontId="1"/>
  </si>
  <si>
    <t>　　　上記のとおり、申し立てます。</t>
    <rPh sb="3" eb="5">
      <t>ジョウキ</t>
    </rPh>
    <rPh sb="10" eb="11">
      <t>モウ</t>
    </rPh>
    <rPh sb="12" eb="13">
      <t>タ</t>
    </rPh>
    <phoneticPr fontId="1"/>
  </si>
  <si>
    <t>※この申立書の内容が事実と相違があった場合は、入園決定ができません。</t>
    <rPh sb="3" eb="6">
      <t>モウシタテショ</t>
    </rPh>
    <rPh sb="7" eb="9">
      <t>ナイヨウ</t>
    </rPh>
    <rPh sb="10" eb="12">
      <t>ジジツ</t>
    </rPh>
    <rPh sb="13" eb="15">
      <t>ソウイ</t>
    </rPh>
    <rPh sb="19" eb="21">
      <t>バアイ</t>
    </rPh>
    <rPh sb="23" eb="25">
      <t>ニュウエン</t>
    </rPh>
    <rPh sb="25" eb="27">
      <t>ケッテイ</t>
    </rPh>
    <phoneticPr fontId="1"/>
  </si>
  <si>
    <t xml:space="preserve">   この申立書を提出後に内容が変更となった場合は、すみやかに市役所こども課まで届出してください。</t>
    <rPh sb="9" eb="11">
      <t>テイシュツ</t>
    </rPh>
    <rPh sb="11" eb="12">
      <t>ゴ</t>
    </rPh>
    <rPh sb="13" eb="15">
      <t>ナイヨウ</t>
    </rPh>
    <rPh sb="16" eb="18">
      <t>ヘンコウ</t>
    </rPh>
    <rPh sb="22" eb="24">
      <t>バアイ</t>
    </rPh>
    <rPh sb="31" eb="34">
      <t>シヤクショ</t>
    </rPh>
    <rPh sb="37" eb="38">
      <t>カ</t>
    </rPh>
    <phoneticPr fontId="1"/>
  </si>
  <si>
    <t>　　</t>
    <phoneticPr fontId="1"/>
  </si>
  <si>
    <t>平成３１年度入園用</t>
    <rPh sb="0" eb="2">
      <t>ヘイセイ</t>
    </rPh>
    <rPh sb="4" eb="6">
      <t>ネンド</t>
    </rPh>
    <rPh sb="6" eb="9">
      <t>ニュウエンヨウ</t>
    </rPh>
    <phoneticPr fontId="1"/>
  </si>
  <si>
    <t>平成　31 年度入園用</t>
    <rPh sb="0" eb="2">
      <t>ヘイセイ</t>
    </rPh>
    <rPh sb="6" eb="8">
      <t>ネンド</t>
    </rPh>
    <rPh sb="8" eb="10">
      <t>ニュウエン</t>
    </rPh>
    <rPh sb="10" eb="11">
      <t>ヨウ</t>
    </rPh>
    <phoneticPr fontId="1"/>
  </si>
  <si>
    <t>　点線以下は勤務先にてご記入ください</t>
    <rPh sb="1" eb="3">
      <t>テンセン</t>
    </rPh>
    <rPh sb="3" eb="5">
      <t>イカ</t>
    </rPh>
    <rPh sb="6" eb="9">
      <t>キンムサキ</t>
    </rPh>
    <rPh sb="12" eb="14">
      <t>キニュウ</t>
    </rPh>
    <phoneticPr fontId="1"/>
  </si>
  <si>
    <t>勤務先事業者に関する事項</t>
    <phoneticPr fontId="1"/>
  </si>
  <si>
    <t>就労者に関する事項</t>
    <phoneticPr fontId="1"/>
  </si>
  <si>
    <t>ふりがな</t>
    <phoneticPr fontId="1"/>
  </si>
  <si>
    <t>就労状態等に関する事項</t>
    <phoneticPr fontId="1"/>
  </si>
  <si>
    <t>雇用開始(予定)日</t>
    <rPh sb="0" eb="2">
      <t>コヨウ</t>
    </rPh>
    <rPh sb="2" eb="4">
      <t>カイシ</t>
    </rPh>
    <rPh sb="5" eb="7">
      <t>ヨテイ</t>
    </rPh>
    <rPh sb="8" eb="9">
      <t>ビ</t>
    </rPh>
    <phoneticPr fontId="1"/>
  </si>
  <si>
    <t>　　　　年　　　　月　　　　日　</t>
    <phoneticPr fontId="1"/>
  </si>
  <si>
    <t>雇用期間</t>
    <rPh sb="0" eb="2">
      <t>コヨウ</t>
    </rPh>
    <rPh sb="2" eb="4">
      <t>キカン</t>
    </rPh>
    <phoneticPr fontId="1"/>
  </si>
  <si>
    <t>無期　・　有期</t>
    <rPh sb="0" eb="2">
      <t>ムキ</t>
    </rPh>
    <rPh sb="5" eb="7">
      <t>ユウキ</t>
    </rPh>
    <phoneticPr fontId="1"/>
  </si>
  <si>
    <t>(有期の場合)雇用終了日</t>
    <rPh sb="1" eb="3">
      <t>ユウキ</t>
    </rPh>
    <rPh sb="4" eb="6">
      <t>バアイ</t>
    </rPh>
    <rPh sb="7" eb="9">
      <t>コヨウ</t>
    </rPh>
    <rPh sb="9" eb="11">
      <t>シュウリョウ</t>
    </rPh>
    <rPh sb="11" eb="12">
      <t>ビ</t>
    </rPh>
    <phoneticPr fontId="1"/>
  </si>
  <si>
    <t>　　年　　　月　　　日　(更新予定　 有  ・  無 )</t>
    <rPh sb="2" eb="3">
      <t>ネン</t>
    </rPh>
    <rPh sb="6" eb="7">
      <t>ツキ</t>
    </rPh>
    <rPh sb="10" eb="11">
      <t>ヒ</t>
    </rPh>
    <phoneticPr fontId="1"/>
  </si>
  <si>
    <t>勤務先事業所名</t>
    <rPh sb="0" eb="3">
      <t>キンムサキ</t>
    </rPh>
    <rPh sb="3" eb="6">
      <t>ジギョウショ</t>
    </rPh>
    <rPh sb="6" eb="7">
      <t>メイ</t>
    </rPh>
    <phoneticPr fontId="1"/>
  </si>
  <si>
    <t>勤務先住所</t>
    <rPh sb="0" eb="3">
      <t>キンムサキ</t>
    </rPh>
    <rPh sb="3" eb="5">
      <t>ジュウショ</t>
    </rPh>
    <phoneticPr fontId="1"/>
  </si>
  <si>
    <t>勤務先電話番号</t>
    <rPh sb="0" eb="3">
      <t>キンムサキ</t>
    </rPh>
    <rPh sb="3" eb="5">
      <t>デンワ</t>
    </rPh>
    <rPh sb="5" eb="7">
      <t>バンゴウ</t>
    </rPh>
    <phoneticPr fontId="1"/>
  </si>
  <si>
    <t>自営業 ・ 正社員 ・ パート、アルバイト ・ 非常勤 ・ 臨時職員 ・ 派遣社員 ・ 内職  ・  その他(　　　　　　　　)</t>
    <rPh sb="0" eb="3">
      <t>ジエイギョウ</t>
    </rPh>
    <rPh sb="6" eb="9">
      <t>セイシャイン</t>
    </rPh>
    <rPh sb="24" eb="27">
      <t>ヒジョウキン</t>
    </rPh>
    <rPh sb="30" eb="32">
      <t>リンジ</t>
    </rPh>
    <rPh sb="32" eb="34">
      <t>ショクイン</t>
    </rPh>
    <rPh sb="37" eb="39">
      <t>ハケン</t>
    </rPh>
    <rPh sb="39" eb="41">
      <t>シャイン</t>
    </rPh>
    <rPh sb="44" eb="46">
      <t>ナイショク</t>
    </rPh>
    <rPh sb="53" eb="54">
      <t>タ</t>
    </rPh>
    <phoneticPr fontId="1"/>
  </si>
  <si>
    <t>(固定就労の場合)</t>
    <rPh sb="1" eb="3">
      <t>コテイ</t>
    </rPh>
    <rPh sb="3" eb="5">
      <t>シュウロウ</t>
    </rPh>
    <rPh sb="6" eb="8">
      <t>バアイ</t>
    </rPh>
    <phoneticPr fontId="1"/>
  </si>
  <si>
    <t>　就労時間</t>
    <phoneticPr fontId="1"/>
  </si>
  <si>
    <t>　　　　　　時　　　　　　分　　　　　〜　　　　　　　時　　　　　　分</t>
    <phoneticPr fontId="1"/>
  </si>
  <si>
    <t>　就労時間・日数
（変則就労の場合）</t>
    <rPh sb="6" eb="8">
      <t>ニッスウ</t>
    </rPh>
    <phoneticPr fontId="1"/>
  </si>
  <si>
    <t>　　　　　時間　　　　　分　　（　1ヶ月の就労日数　　　　日　）</t>
    <rPh sb="19" eb="20">
      <t>ゲツ</t>
    </rPh>
    <rPh sb="21" eb="23">
      <t>シュウロウ</t>
    </rPh>
    <rPh sb="23" eb="25">
      <t>ニッスウ</t>
    </rPh>
    <rPh sb="29" eb="30">
      <t>ニチ</t>
    </rPh>
    <phoneticPr fontId="1"/>
  </si>
  <si>
    <t>直近3ヶ月の実労働時間の合計を平均した月間の就労時間(休憩時間を除く)および就労日数を記入してください。</t>
  </si>
  <si>
    <t>復職予定年月日(産休中・育休中以外の者)</t>
    <rPh sb="0" eb="2">
      <t>フクショク</t>
    </rPh>
    <rPh sb="2" eb="4">
      <t>ヨテイ</t>
    </rPh>
    <rPh sb="4" eb="7">
      <t>ネンガッピ</t>
    </rPh>
    <rPh sb="8" eb="11">
      <t>サンキュウチュウ</t>
    </rPh>
    <rPh sb="12" eb="14">
      <t>イクキュウ</t>
    </rPh>
    <rPh sb="14" eb="15">
      <t>チュウ</t>
    </rPh>
    <rPh sb="15" eb="17">
      <t>イガイ</t>
    </rPh>
    <rPh sb="18" eb="19">
      <t>モノ</t>
    </rPh>
    <phoneticPr fontId="1"/>
  </si>
  <si>
    <t>復職予定年月日(産休中・育休中の者)</t>
    <rPh sb="0" eb="2">
      <t>フクショク</t>
    </rPh>
    <rPh sb="2" eb="4">
      <t>ヨテイ</t>
    </rPh>
    <rPh sb="4" eb="7">
      <t>ネンガッピ</t>
    </rPh>
    <rPh sb="8" eb="11">
      <t>サンキュウチュウ</t>
    </rPh>
    <rPh sb="12" eb="14">
      <t>イクキュウ</t>
    </rPh>
    <rPh sb="14" eb="15">
      <t>チュウ</t>
    </rPh>
    <rPh sb="16" eb="17">
      <t>モノ</t>
    </rPh>
    <phoneticPr fontId="1"/>
  </si>
  <si>
    <t>　　　　時　　　　分　〜　　　　時　　　　分</t>
    <phoneticPr fontId="1"/>
  </si>
  <si>
    <t>上記就労時間のうち　休憩時間　　　　　　　時間　　　　分</t>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fonts count="18">
    <font>
      <sz val="11"/>
      <color indexed="8"/>
      <name val="ＭＳ Ｐゴシック"/>
      <family val="3"/>
      <charset val="128"/>
    </font>
    <font>
      <sz val="6"/>
      <name val="ＭＳ Ｐゴシック"/>
      <family val="3"/>
      <charset val="128"/>
    </font>
    <font>
      <sz val="11"/>
      <color indexed="8"/>
      <name val="ＭＳ Ｐ明朝"/>
      <family val="1"/>
      <charset val="128"/>
    </font>
    <font>
      <sz val="16"/>
      <color indexed="8"/>
      <name val="ＭＳ Ｐ明朝"/>
      <family val="1"/>
      <charset val="128"/>
    </font>
    <font>
      <sz val="9"/>
      <color indexed="8"/>
      <name val="ＭＳ Ｐ明朝"/>
      <family val="1"/>
      <charset val="128"/>
    </font>
    <font>
      <b/>
      <sz val="9"/>
      <color indexed="8"/>
      <name val="ＭＳ Ｐ明朝"/>
      <family val="1"/>
      <charset val="128"/>
    </font>
    <font>
      <sz val="10"/>
      <color indexed="8"/>
      <name val="ＭＳ Ｐ明朝"/>
      <family val="1"/>
      <charset val="128"/>
    </font>
    <font>
      <sz val="9"/>
      <color rgb="FF000000"/>
      <name val="ＭＳ 明朝"/>
      <family val="1"/>
      <charset val="128"/>
    </font>
    <font>
      <sz val="9"/>
      <name val="ＭＳ Ｐ明朝"/>
      <family val="1"/>
      <charset val="128"/>
    </font>
    <font>
      <sz val="9"/>
      <color indexed="22"/>
      <name val="ＭＳ Ｐ明朝"/>
      <family val="1"/>
      <charset val="128"/>
    </font>
    <font>
      <sz val="12"/>
      <color indexed="8"/>
      <name val="ＭＳ Ｐ明朝"/>
      <family val="1"/>
      <charset val="128"/>
    </font>
    <font>
      <sz val="11"/>
      <name val="ＭＳ Ｐゴシック"/>
      <family val="3"/>
      <charset val="128"/>
    </font>
    <font>
      <b/>
      <sz val="36"/>
      <name val="ＭＳ Ｐゴシック"/>
      <family val="3"/>
      <charset val="128"/>
    </font>
    <font>
      <sz val="12"/>
      <name val="ＭＳ Ｐゴシック"/>
      <family val="3"/>
      <charset val="128"/>
    </font>
    <font>
      <b/>
      <u/>
      <sz val="16"/>
      <name val="ＭＳ Ｐゴシック"/>
      <family val="3"/>
      <charset val="128"/>
    </font>
    <font>
      <b/>
      <sz val="12"/>
      <name val="ＭＳ Ｐゴシック"/>
      <family val="3"/>
      <charset val="128"/>
    </font>
    <font>
      <sz val="16"/>
      <name val="ＭＳ Ｐゴシック"/>
      <family val="3"/>
      <charset val="128"/>
    </font>
    <font>
      <u/>
      <sz val="16"/>
      <name val="ＭＳ Ｐゴシック"/>
      <family val="3"/>
      <charset val="128"/>
    </font>
  </fonts>
  <fills count="3">
    <fill>
      <patternFill patternType="none"/>
    </fill>
    <fill>
      <patternFill patternType="gray125"/>
    </fill>
    <fill>
      <patternFill patternType="solid">
        <fgColor theme="0" tint="-0.14999847407452621"/>
        <bgColor indexed="64"/>
      </patternFill>
    </fill>
  </fills>
  <borders count="38">
    <border>
      <left/>
      <right/>
      <top/>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right style="hair">
        <color indexed="64"/>
      </right>
      <top style="hair">
        <color indexed="64"/>
      </top>
      <bottom style="hair">
        <color indexed="64"/>
      </bottom>
      <diagonal/>
    </border>
    <border>
      <left style="hair">
        <color indexed="8"/>
      </left>
      <right style="hair">
        <color indexed="8"/>
      </right>
      <top style="hair">
        <color indexed="8"/>
      </top>
      <bottom style="hair">
        <color indexed="8"/>
      </bottom>
      <diagonal/>
    </border>
    <border>
      <left style="hair">
        <color indexed="8"/>
      </left>
      <right/>
      <top style="hair">
        <color indexed="8"/>
      </top>
      <bottom style="hair">
        <color indexed="8"/>
      </bottom>
      <diagonal/>
    </border>
    <border>
      <left/>
      <right/>
      <top style="hair">
        <color indexed="8"/>
      </top>
      <bottom style="hair">
        <color indexed="8"/>
      </bottom>
      <diagonal/>
    </border>
    <border>
      <left/>
      <right style="hair">
        <color indexed="8"/>
      </right>
      <top style="hair">
        <color indexed="8"/>
      </top>
      <bottom style="hair">
        <color indexed="8"/>
      </bottom>
      <diagonal/>
    </border>
    <border>
      <left style="hair">
        <color indexed="8"/>
      </left>
      <right style="hair">
        <color indexed="8"/>
      </right>
      <top style="hair">
        <color indexed="8"/>
      </top>
      <bottom/>
      <diagonal/>
    </border>
    <border>
      <left style="hair">
        <color indexed="8"/>
      </left>
      <right style="hair">
        <color indexed="8"/>
      </right>
      <top/>
      <bottom/>
      <diagonal/>
    </border>
    <border>
      <left style="hair">
        <color indexed="8"/>
      </left>
      <right style="hair">
        <color indexed="8"/>
      </right>
      <top/>
      <bottom style="hair">
        <color indexed="8"/>
      </bottom>
      <diagonal/>
    </border>
    <border>
      <left/>
      <right/>
      <top style="hair">
        <color indexed="64"/>
      </top>
      <bottom style="hair">
        <color indexed="64"/>
      </bottom>
      <diagonal/>
    </border>
    <border>
      <left style="thin">
        <color indexed="64"/>
      </left>
      <right style="thin">
        <color indexed="64"/>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right/>
      <top/>
      <bottom style="thin">
        <color indexed="64"/>
      </bottom>
      <diagonal/>
    </border>
    <border>
      <left/>
      <right style="double">
        <color indexed="64"/>
      </right>
      <top/>
      <bottom style="thin">
        <color indexed="64"/>
      </bottom>
      <diagonal/>
    </border>
    <border>
      <left/>
      <right/>
      <top style="thin">
        <color indexed="64"/>
      </top>
      <bottom/>
      <diagonal/>
    </border>
    <border>
      <left/>
      <right style="double">
        <color indexed="64"/>
      </right>
      <top style="thin">
        <color indexed="64"/>
      </top>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right/>
      <top/>
      <bottom style="dashDot">
        <color theme="0" tint="-0.499984740745262"/>
      </bottom>
      <diagonal/>
    </border>
    <border>
      <left style="hair">
        <color indexed="8"/>
      </left>
      <right/>
      <top/>
      <bottom style="hair">
        <color indexed="8"/>
      </bottom>
      <diagonal/>
    </border>
    <border>
      <left/>
      <right/>
      <top/>
      <bottom style="hair">
        <color indexed="8"/>
      </bottom>
      <diagonal/>
    </border>
    <border>
      <left/>
      <right/>
      <top style="hair">
        <color indexed="8"/>
      </top>
      <bottom/>
      <diagonal/>
    </border>
    <border>
      <left style="hair">
        <color indexed="8"/>
      </left>
      <right/>
      <top style="hair">
        <color indexed="8"/>
      </top>
      <bottom/>
      <diagonal/>
    </border>
    <border>
      <left/>
      <right style="hair">
        <color indexed="8"/>
      </right>
      <top style="hair">
        <color indexed="8"/>
      </top>
      <bottom/>
      <diagonal/>
    </border>
    <border>
      <left/>
      <right/>
      <top/>
      <bottom style="hair">
        <color indexed="64"/>
      </bottom>
      <diagonal/>
    </border>
    <border>
      <left style="hair">
        <color indexed="8"/>
      </left>
      <right/>
      <top/>
      <bottom style="hair">
        <color indexed="64"/>
      </bottom>
      <diagonal/>
    </border>
    <border>
      <left/>
      <right style="hair">
        <color indexed="8"/>
      </right>
      <top/>
      <bottom style="hair">
        <color indexed="64"/>
      </bottom>
      <diagonal/>
    </border>
    <border>
      <left style="hair">
        <color indexed="64"/>
      </left>
      <right style="hair">
        <color indexed="64"/>
      </right>
      <top/>
      <bottom style="hair">
        <color indexed="64"/>
      </bottom>
      <diagonal/>
    </border>
  </borders>
  <cellStyleXfs count="2">
    <xf numFmtId="0" fontId="0" fillId="0" borderId="0"/>
    <xf numFmtId="0" fontId="11" fillId="0" borderId="0">
      <alignment vertical="center"/>
    </xf>
  </cellStyleXfs>
  <cellXfs count="115">
    <xf numFmtId="0" fontId="0" fillId="0" borderId="0" xfId="0" applyAlignment="1">
      <alignment vertical="center"/>
    </xf>
    <xf numFmtId="0" fontId="13" fillId="0" borderId="0" xfId="1" applyFont="1">
      <alignment vertical="center"/>
    </xf>
    <xf numFmtId="0" fontId="14" fillId="0" borderId="0" xfId="1" applyFont="1">
      <alignment vertical="center"/>
    </xf>
    <xf numFmtId="0" fontId="13" fillId="0" borderId="12" xfId="1" applyFont="1" applyBorder="1" applyAlignment="1">
      <alignment horizontal="center" vertical="center"/>
    </xf>
    <xf numFmtId="0" fontId="13" fillId="0" borderId="13" xfId="1" applyFont="1" applyBorder="1">
      <alignment vertical="center"/>
    </xf>
    <xf numFmtId="0" fontId="13" fillId="0" borderId="12" xfId="1" applyFont="1" applyBorder="1" applyAlignment="1">
      <alignment horizontal="center" vertical="center" shrinkToFit="1"/>
    </xf>
    <xf numFmtId="0" fontId="15" fillId="0" borderId="13" xfId="1" applyFont="1" applyBorder="1">
      <alignment vertical="center"/>
    </xf>
    <xf numFmtId="0" fontId="13" fillId="0" borderId="14" xfId="1" applyFont="1" applyBorder="1">
      <alignment vertical="center"/>
    </xf>
    <xf numFmtId="0" fontId="13" fillId="0" borderId="16" xfId="1" applyFont="1" applyBorder="1" applyAlignment="1">
      <alignment vertical="center"/>
    </xf>
    <xf numFmtId="0" fontId="13" fillId="0" borderId="17" xfId="1" applyFont="1" applyBorder="1" applyAlignment="1">
      <alignment vertical="center"/>
    </xf>
    <xf numFmtId="0" fontId="13" fillId="0" borderId="18" xfId="1" applyFont="1" applyBorder="1" applyAlignment="1">
      <alignment vertical="center"/>
    </xf>
    <xf numFmtId="0" fontId="16" fillId="0" borderId="19" xfId="1" applyFont="1" applyBorder="1" applyAlignment="1">
      <alignment horizontal="left" vertical="center"/>
    </xf>
    <xf numFmtId="0" fontId="16" fillId="0" borderId="0" xfId="1" applyFont="1" applyBorder="1" applyAlignment="1">
      <alignment horizontal="left" vertical="center"/>
    </xf>
    <xf numFmtId="0" fontId="16" fillId="0" borderId="20" xfId="1" applyFont="1" applyBorder="1" applyAlignment="1">
      <alignment horizontal="left" vertical="center"/>
    </xf>
    <xf numFmtId="0" fontId="16" fillId="0" borderId="19" xfId="1" applyFont="1" applyBorder="1" applyAlignment="1">
      <alignment vertical="center"/>
    </xf>
    <xf numFmtId="0" fontId="16" fillId="0" borderId="0" xfId="1" applyFont="1" applyBorder="1" applyAlignment="1">
      <alignment vertical="center"/>
    </xf>
    <xf numFmtId="0" fontId="16" fillId="0" borderId="20" xfId="1" applyFont="1" applyBorder="1" applyAlignment="1">
      <alignment vertical="center"/>
    </xf>
    <xf numFmtId="0" fontId="16" fillId="0" borderId="0" xfId="1" applyFont="1" applyBorder="1" applyAlignment="1">
      <alignment horizontal="center" vertical="center"/>
    </xf>
    <xf numFmtId="0" fontId="13" fillId="0" borderId="21" xfId="1" applyFont="1" applyBorder="1" applyAlignment="1">
      <alignment vertical="center"/>
    </xf>
    <xf numFmtId="0" fontId="16" fillId="0" borderId="21" xfId="1" applyFont="1" applyBorder="1" applyAlignment="1">
      <alignment vertical="center"/>
    </xf>
    <xf numFmtId="0" fontId="16" fillId="0" borderId="22" xfId="1" applyFont="1" applyBorder="1" applyAlignment="1">
      <alignment vertical="center"/>
    </xf>
    <xf numFmtId="0" fontId="16" fillId="0" borderId="19" xfId="1" applyFont="1" applyBorder="1" applyAlignment="1">
      <alignment horizontal="right" vertical="center"/>
    </xf>
    <xf numFmtId="0" fontId="16" fillId="0" borderId="0" xfId="1" applyFont="1" applyBorder="1" applyAlignment="1">
      <alignment horizontal="right" vertical="center"/>
    </xf>
    <xf numFmtId="0" fontId="16" fillId="0" borderId="23" xfId="1" applyFont="1" applyBorder="1" applyAlignment="1">
      <alignment vertical="center"/>
    </xf>
    <xf numFmtId="0" fontId="16" fillId="0" borderId="24" xfId="1" applyFont="1" applyBorder="1" applyAlignment="1">
      <alignment vertical="center"/>
    </xf>
    <xf numFmtId="0" fontId="16" fillId="0" borderId="22" xfId="1" applyFont="1" applyBorder="1" applyAlignment="1">
      <alignment horizontal="right" vertical="center"/>
    </xf>
    <xf numFmtId="0" fontId="16" fillId="0" borderId="24" xfId="1" applyFont="1" applyBorder="1" applyAlignment="1">
      <alignment horizontal="right" vertical="center"/>
    </xf>
    <xf numFmtId="0" fontId="13" fillId="0" borderId="19" xfId="1" applyFont="1" applyBorder="1" applyAlignment="1">
      <alignment vertical="center"/>
    </xf>
    <xf numFmtId="0" fontId="13" fillId="0" borderId="0" xfId="1" applyFont="1" applyBorder="1" applyAlignment="1">
      <alignment vertical="center"/>
    </xf>
    <xf numFmtId="0" fontId="13" fillId="0" borderId="20" xfId="1" applyFont="1" applyBorder="1" applyAlignment="1">
      <alignment vertical="center"/>
    </xf>
    <xf numFmtId="0" fontId="13" fillId="0" borderId="25" xfId="1" applyFont="1" applyBorder="1" applyAlignment="1">
      <alignment vertical="center"/>
    </xf>
    <xf numFmtId="0" fontId="13" fillId="0" borderId="26" xfId="1" applyFont="1" applyBorder="1" applyAlignment="1">
      <alignment vertical="center"/>
    </xf>
    <xf numFmtId="0" fontId="13" fillId="0" borderId="27" xfId="1" applyFont="1" applyBorder="1" applyAlignment="1">
      <alignment vertical="center"/>
    </xf>
    <xf numFmtId="0" fontId="11" fillId="0" borderId="19" xfId="1" applyFont="1" applyBorder="1" applyAlignment="1">
      <alignment vertical="center"/>
    </xf>
    <xf numFmtId="0" fontId="13" fillId="0" borderId="19" xfId="1" applyFont="1" applyBorder="1">
      <alignment vertical="center"/>
    </xf>
    <xf numFmtId="0" fontId="13" fillId="0" borderId="0" xfId="1" applyFont="1" applyBorder="1">
      <alignment vertical="center"/>
    </xf>
    <xf numFmtId="0" fontId="13" fillId="0" borderId="20" xfId="1" applyFont="1" applyBorder="1">
      <alignment vertical="center"/>
    </xf>
    <xf numFmtId="0" fontId="16" fillId="0" borderId="19" xfId="1" applyFont="1" applyBorder="1" applyAlignment="1">
      <alignment horizontal="right" vertical="center"/>
    </xf>
    <xf numFmtId="0" fontId="16" fillId="0" borderId="0" xfId="1" applyFont="1" applyBorder="1" applyAlignment="1">
      <alignment horizontal="right" vertical="center"/>
    </xf>
    <xf numFmtId="0" fontId="12" fillId="0" borderId="0" xfId="1" applyFont="1" applyAlignment="1">
      <alignment horizontal="center" vertical="center"/>
    </xf>
    <xf numFmtId="0" fontId="13" fillId="0" borderId="15" xfId="1" applyFont="1" applyBorder="1" applyAlignment="1">
      <alignment horizontal="center" vertical="center"/>
    </xf>
    <xf numFmtId="0" fontId="13" fillId="0" borderId="13" xfId="1" applyFont="1" applyBorder="1" applyAlignment="1">
      <alignment horizontal="center" vertical="center"/>
    </xf>
    <xf numFmtId="0" fontId="13" fillId="0" borderId="14" xfId="1" applyFont="1" applyBorder="1" applyAlignment="1">
      <alignment horizontal="center" vertical="center"/>
    </xf>
    <xf numFmtId="0" fontId="16" fillId="0" borderId="19" xfId="1" applyFont="1" applyBorder="1" applyAlignment="1">
      <alignment vertical="center"/>
    </xf>
    <xf numFmtId="0" fontId="16" fillId="0" borderId="0" xfId="1" applyFont="1" applyBorder="1" applyAlignment="1">
      <alignment vertical="center"/>
    </xf>
    <xf numFmtId="0" fontId="16" fillId="0" borderId="20" xfId="1" applyFont="1" applyBorder="1" applyAlignment="1">
      <alignment vertical="center"/>
    </xf>
    <xf numFmtId="0" fontId="16" fillId="0" borderId="19" xfId="1" applyFont="1" applyBorder="1" applyAlignment="1">
      <alignment horizontal="left" vertical="center"/>
    </xf>
    <xf numFmtId="0" fontId="16" fillId="0" borderId="0" xfId="1" applyFont="1" applyBorder="1" applyAlignment="1">
      <alignment horizontal="left" vertical="center"/>
    </xf>
    <xf numFmtId="0" fontId="16" fillId="0" borderId="20" xfId="1" applyFont="1" applyBorder="1" applyAlignment="1">
      <alignment horizontal="left" vertical="center"/>
    </xf>
    <xf numFmtId="0" fontId="2" fillId="0" borderId="0" xfId="1" applyFont="1" applyAlignment="1">
      <alignment vertical="center"/>
    </xf>
    <xf numFmtId="0" fontId="2" fillId="0" borderId="0" xfId="1" applyFont="1" applyAlignment="1">
      <alignment horizontal="center" vertical="center"/>
    </xf>
    <xf numFmtId="0" fontId="2" fillId="0" borderId="0" xfId="1" applyFont="1" applyAlignment="1">
      <alignment horizontal="right" vertical="center"/>
    </xf>
    <xf numFmtId="0" fontId="3" fillId="0" borderId="0" xfId="1" applyFont="1" applyAlignment="1">
      <alignment vertical="center"/>
    </xf>
    <xf numFmtId="0" fontId="6" fillId="0" borderId="0" xfId="1" applyFont="1" applyAlignment="1">
      <alignment horizontal="center" vertical="center"/>
    </xf>
    <xf numFmtId="0" fontId="4" fillId="0" borderId="0" xfId="1" applyFont="1" applyBorder="1" applyAlignment="1">
      <alignment vertical="center"/>
    </xf>
    <xf numFmtId="0" fontId="4" fillId="2" borderId="1" xfId="1" applyFont="1" applyFill="1" applyBorder="1" applyAlignment="1">
      <alignment horizontal="center" vertical="center"/>
    </xf>
    <xf numFmtId="0" fontId="4" fillId="0" borderId="0" xfId="1" applyFont="1" applyAlignment="1">
      <alignment vertical="center"/>
    </xf>
    <xf numFmtId="0" fontId="4" fillId="0" borderId="1" xfId="1" applyFont="1" applyBorder="1" applyAlignment="1">
      <alignment horizontal="center" vertical="center"/>
    </xf>
    <xf numFmtId="0" fontId="4" fillId="0" borderId="1" xfId="1" applyFont="1" applyBorder="1" applyAlignment="1">
      <alignment vertical="center"/>
    </xf>
    <xf numFmtId="0" fontId="4" fillId="0" borderId="0" xfId="1" applyFont="1" applyAlignment="1">
      <alignment horizontal="right" vertical="center"/>
    </xf>
    <xf numFmtId="0" fontId="4" fillId="0" borderId="0" xfId="1" applyFont="1" applyAlignment="1">
      <alignment horizontal="left" vertical="center"/>
    </xf>
    <xf numFmtId="0" fontId="4" fillId="0" borderId="0" xfId="1" applyFont="1" applyAlignment="1">
      <alignment horizontal="center" vertical="center"/>
    </xf>
    <xf numFmtId="0" fontId="5" fillId="0" borderId="0" xfId="1" applyFont="1" applyBorder="1" applyAlignment="1">
      <alignment vertical="center"/>
    </xf>
    <xf numFmtId="0" fontId="4" fillId="0" borderId="28" xfId="1" applyFont="1" applyBorder="1" applyAlignment="1">
      <alignment vertical="center"/>
    </xf>
    <xf numFmtId="0" fontId="4" fillId="0" borderId="28" xfId="1" applyFont="1" applyBorder="1" applyAlignment="1">
      <alignment horizontal="center" vertical="center"/>
    </xf>
    <xf numFmtId="0" fontId="4" fillId="0" borderId="0" xfId="1" applyFont="1" applyBorder="1" applyAlignment="1">
      <alignment horizontal="center" vertical="center"/>
    </xf>
    <xf numFmtId="0" fontId="10" fillId="0" borderId="0" xfId="1" applyFont="1" applyAlignment="1">
      <alignment horizontal="left" vertical="center"/>
    </xf>
    <xf numFmtId="0" fontId="5" fillId="0" borderId="0" xfId="1" applyFont="1" applyAlignment="1">
      <alignment horizontal="left" vertical="center" wrapText="1"/>
    </xf>
    <xf numFmtId="0" fontId="7" fillId="0" borderId="0" xfId="1" applyFont="1" applyAlignment="1">
      <alignment horizontal="left" vertical="center" readingOrder="1"/>
    </xf>
    <xf numFmtId="0" fontId="4" fillId="0" borderId="4" xfId="1" applyFont="1" applyBorder="1" applyAlignment="1">
      <alignment horizontal="center" vertical="center" wrapText="1" shrinkToFit="1"/>
    </xf>
    <xf numFmtId="0" fontId="4" fillId="2" borderId="5" xfId="1" applyFont="1" applyFill="1" applyBorder="1" applyAlignment="1">
      <alignment horizontal="center" vertical="center" wrapText="1" shrinkToFit="1"/>
    </xf>
    <xf numFmtId="0" fontId="4" fillId="2" borderId="6" xfId="1" applyFont="1" applyFill="1" applyBorder="1" applyAlignment="1">
      <alignment horizontal="center" vertical="center" wrapText="1" shrinkToFit="1"/>
    </xf>
    <xf numFmtId="0" fontId="4" fillId="2" borderId="7" xfId="1" applyFont="1" applyFill="1" applyBorder="1" applyAlignment="1">
      <alignment horizontal="center" vertical="center" wrapText="1" shrinkToFit="1"/>
    </xf>
    <xf numFmtId="0" fontId="4" fillId="0" borderId="5" xfId="1" applyFont="1" applyFill="1" applyBorder="1" applyAlignment="1">
      <alignment horizontal="center" vertical="center" wrapText="1" shrinkToFit="1"/>
    </xf>
    <xf numFmtId="0" fontId="4" fillId="0" borderId="6" xfId="1" applyFont="1" applyFill="1" applyBorder="1" applyAlignment="1">
      <alignment horizontal="center" vertical="center" wrapText="1" shrinkToFit="1"/>
    </xf>
    <xf numFmtId="0" fontId="4" fillId="0" borderId="7" xfId="1" applyFont="1" applyFill="1" applyBorder="1" applyAlignment="1">
      <alignment horizontal="center" vertical="center" wrapText="1" shrinkToFit="1"/>
    </xf>
    <xf numFmtId="0" fontId="4" fillId="0" borderId="0" xfId="1" applyFont="1" applyBorder="1" applyAlignment="1">
      <alignment horizontal="left" vertical="center" wrapText="1"/>
    </xf>
    <xf numFmtId="0" fontId="4" fillId="0" borderId="4" xfId="1" applyFont="1" applyBorder="1" applyAlignment="1">
      <alignment horizontal="center" vertical="center" wrapText="1" shrinkToFit="1"/>
    </xf>
    <xf numFmtId="0" fontId="4" fillId="2" borderId="4" xfId="1" applyFont="1" applyFill="1" applyBorder="1" applyAlignment="1">
      <alignment horizontal="center" vertical="center" wrapText="1" shrinkToFit="1"/>
    </xf>
    <xf numFmtId="0" fontId="8" fillId="0" borderId="5" xfId="1" applyFont="1" applyBorder="1" applyAlignment="1">
      <alignment horizontal="right" vertical="center" wrapText="1" indent="1" shrinkToFit="1"/>
    </xf>
    <xf numFmtId="0" fontId="8" fillId="0" borderId="6" xfId="1" applyFont="1" applyBorder="1" applyAlignment="1">
      <alignment horizontal="right" vertical="center" wrapText="1" indent="1" shrinkToFit="1"/>
    </xf>
    <xf numFmtId="0" fontId="8" fillId="0" borderId="7" xfId="1" applyFont="1" applyBorder="1" applyAlignment="1">
      <alignment horizontal="right" vertical="center" wrapText="1" indent="1" shrinkToFit="1"/>
    </xf>
    <xf numFmtId="0" fontId="4" fillId="0" borderId="29" xfId="1" applyFont="1" applyBorder="1" applyAlignment="1">
      <alignment horizontal="center" vertical="center" wrapText="1" shrinkToFit="1"/>
    </xf>
    <xf numFmtId="0" fontId="4" fillId="0" borderId="30" xfId="1" applyFont="1" applyBorder="1" applyAlignment="1">
      <alignment horizontal="center" vertical="center" wrapText="1" shrinkToFit="1"/>
    </xf>
    <xf numFmtId="0" fontId="8" fillId="0" borderId="30" xfId="1" applyFont="1" applyBorder="1" applyAlignment="1">
      <alignment vertical="center" wrapText="1" shrinkToFit="1"/>
    </xf>
    <xf numFmtId="0" fontId="4" fillId="0" borderId="30" xfId="1" applyFont="1" applyBorder="1" applyAlignment="1">
      <alignment vertical="center"/>
    </xf>
    <xf numFmtId="0" fontId="4" fillId="0" borderId="5" xfId="1" applyFont="1" applyBorder="1" applyAlignment="1">
      <alignment horizontal="center" vertical="center" wrapText="1" shrinkToFit="1"/>
    </xf>
    <xf numFmtId="0" fontId="4" fillId="0" borderId="6" xfId="1" applyFont="1" applyBorder="1" applyAlignment="1">
      <alignment horizontal="center" vertical="center" wrapText="1" shrinkToFit="1"/>
    </xf>
    <xf numFmtId="0" fontId="4" fillId="0" borderId="7" xfId="1" applyFont="1" applyBorder="1" applyAlignment="1">
      <alignment horizontal="center" vertical="center" wrapText="1" shrinkToFit="1"/>
    </xf>
    <xf numFmtId="0" fontId="4" fillId="0" borderId="5" xfId="1" applyFont="1" applyFill="1" applyBorder="1" applyAlignment="1">
      <alignment horizontal="right" vertical="center" wrapText="1" indent="1" shrinkToFit="1"/>
    </xf>
    <xf numFmtId="0" fontId="4" fillId="0" borderId="6" xfId="1" applyFont="1" applyFill="1" applyBorder="1" applyAlignment="1">
      <alignment horizontal="right" vertical="center" wrapText="1" indent="1" shrinkToFit="1"/>
    </xf>
    <xf numFmtId="0" fontId="4" fillId="0" borderId="7" xfId="1" applyFont="1" applyFill="1" applyBorder="1" applyAlignment="1">
      <alignment horizontal="right" vertical="center" wrapText="1" indent="1" shrinkToFit="1"/>
    </xf>
    <xf numFmtId="0" fontId="4" fillId="2" borderId="8" xfId="1" applyFont="1" applyFill="1" applyBorder="1" applyAlignment="1">
      <alignment horizontal="center" vertical="center" textRotation="255" wrapText="1" shrinkToFit="1"/>
    </xf>
    <xf numFmtId="0" fontId="4" fillId="0" borderId="5" xfId="1" applyFont="1" applyBorder="1" applyAlignment="1">
      <alignment horizontal="right" vertical="center" wrapText="1" shrinkToFit="1"/>
    </xf>
    <xf numFmtId="0" fontId="4" fillId="0" borderId="7" xfId="1" applyFont="1" applyBorder="1" applyAlignment="1">
      <alignment horizontal="right" vertical="center" wrapText="1" shrinkToFit="1"/>
    </xf>
    <xf numFmtId="0" fontId="4" fillId="2" borderId="9" xfId="1" applyFont="1" applyFill="1" applyBorder="1" applyAlignment="1">
      <alignment horizontal="center" vertical="center" textRotation="255" wrapText="1" shrinkToFit="1"/>
    </xf>
    <xf numFmtId="0" fontId="4" fillId="2" borderId="10" xfId="1" applyFont="1" applyFill="1" applyBorder="1" applyAlignment="1">
      <alignment horizontal="center" vertical="center" textRotation="255" wrapText="1" shrinkToFit="1"/>
    </xf>
    <xf numFmtId="0" fontId="4" fillId="0" borderId="8" xfId="1" applyFont="1" applyBorder="1" applyAlignment="1">
      <alignment horizontal="center" vertical="center" wrapText="1" shrinkToFit="1"/>
    </xf>
    <xf numFmtId="0" fontId="4" fillId="2" borderId="31" xfId="1" applyFont="1" applyFill="1" applyBorder="1" applyAlignment="1">
      <alignment horizontal="center" vertical="center" wrapText="1" shrinkToFit="1"/>
    </xf>
    <xf numFmtId="0" fontId="4" fillId="0" borderId="32" xfId="1" applyFont="1" applyBorder="1" applyAlignment="1">
      <alignment horizontal="center" vertical="center" wrapText="1" shrinkToFit="1"/>
    </xf>
    <xf numFmtId="0" fontId="4" fillId="0" borderId="31" xfId="1" applyFont="1" applyBorder="1" applyAlignment="1">
      <alignment horizontal="center" vertical="center" wrapText="1" shrinkToFit="1"/>
    </xf>
    <xf numFmtId="0" fontId="4" fillId="0" borderId="33" xfId="1" applyFont="1" applyBorder="1" applyAlignment="1">
      <alignment horizontal="center" vertical="center" wrapText="1" shrinkToFit="1"/>
    </xf>
    <xf numFmtId="0" fontId="4" fillId="0" borderId="10" xfId="1" applyFont="1" applyBorder="1" applyAlignment="1">
      <alignment horizontal="center" vertical="center" wrapText="1" shrinkToFit="1"/>
    </xf>
    <xf numFmtId="0" fontId="4" fillId="2" borderId="34" xfId="1" applyFont="1" applyFill="1" applyBorder="1" applyAlignment="1">
      <alignment horizontal="center" vertical="center" wrapText="1" shrinkToFit="1"/>
    </xf>
    <xf numFmtId="0" fontId="4" fillId="0" borderId="35" xfId="1" applyFont="1" applyBorder="1" applyAlignment="1">
      <alignment horizontal="left" vertical="top" indent="1" shrinkToFit="1"/>
    </xf>
    <xf numFmtId="0" fontId="4" fillId="0" borderId="34" xfId="1" applyFont="1" applyBorder="1" applyAlignment="1">
      <alignment horizontal="left" vertical="top" indent="1" shrinkToFit="1"/>
    </xf>
    <xf numFmtId="0" fontId="4" fillId="0" borderId="36" xfId="1" applyFont="1" applyBorder="1" applyAlignment="1">
      <alignment horizontal="left" vertical="top" indent="1" shrinkToFit="1"/>
    </xf>
    <xf numFmtId="0" fontId="4" fillId="0" borderId="37" xfId="1" applyFont="1" applyBorder="1" applyAlignment="1">
      <alignment horizontal="center" vertical="center" wrapText="1" shrinkToFit="1"/>
    </xf>
    <xf numFmtId="0" fontId="4" fillId="2" borderId="1" xfId="1" applyFont="1" applyFill="1" applyBorder="1" applyAlignment="1">
      <alignment horizontal="center" vertical="center" wrapText="1" shrinkToFit="1"/>
    </xf>
    <xf numFmtId="0" fontId="4" fillId="0" borderId="1" xfId="1" applyFont="1" applyBorder="1" applyAlignment="1">
      <alignment horizontal="center" vertical="center" wrapText="1" shrinkToFit="1"/>
    </xf>
    <xf numFmtId="0" fontId="4" fillId="0" borderId="1" xfId="1" applyFont="1" applyBorder="1" applyAlignment="1">
      <alignment horizontal="center" vertical="center" wrapText="1" shrinkToFit="1"/>
    </xf>
    <xf numFmtId="0" fontId="4" fillId="0" borderId="2" xfId="1" applyFont="1" applyBorder="1" applyAlignment="1">
      <alignment horizontal="center" vertical="center" wrapText="1" shrinkToFit="1"/>
    </xf>
    <xf numFmtId="0" fontId="4" fillId="0" borderId="11" xfId="1" applyFont="1" applyBorder="1" applyAlignment="1">
      <alignment horizontal="center" vertical="center" wrapText="1" shrinkToFit="1"/>
    </xf>
    <xf numFmtId="0" fontId="4" fillId="0" borderId="3" xfId="1" applyFont="1" applyBorder="1" applyAlignment="1">
      <alignment horizontal="center" vertical="center" wrapText="1" shrinkToFit="1"/>
    </xf>
    <xf numFmtId="0" fontId="9" fillId="0" borderId="4" xfId="1" applyFont="1" applyBorder="1" applyAlignment="1">
      <alignment horizontal="center" vertical="center" wrapText="1" shrinkToFit="1"/>
    </xf>
  </cellXfs>
  <cellStyles count="2">
    <cellStyle name="標準" xfId="0" builtinId="0"/>
    <cellStyle name="標準 2" xfId="1"/>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0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xdr:from>
      <xdr:col>0</xdr:col>
      <xdr:colOff>371474</xdr:colOff>
      <xdr:row>13</xdr:row>
      <xdr:rowOff>104775</xdr:rowOff>
    </xdr:from>
    <xdr:to>
      <xdr:col>0</xdr:col>
      <xdr:colOff>628649</xdr:colOff>
      <xdr:row>22</xdr:row>
      <xdr:rowOff>257175</xdr:rowOff>
    </xdr:to>
    <xdr:sp macro="" textlink="">
      <xdr:nvSpPr>
        <xdr:cNvPr id="2" name="左大かっこ 1"/>
        <xdr:cNvSpPr/>
      </xdr:nvSpPr>
      <xdr:spPr>
        <a:xfrm>
          <a:off x="371474" y="4019550"/>
          <a:ext cx="257175" cy="3152775"/>
        </a:xfrm>
        <a:prstGeom prst="leftBracket">
          <a:avLst/>
        </a:prstGeom>
        <a:ln>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endParaRPr lang="ja-JP" altLang="en-US"/>
        </a:p>
      </xdr:txBody>
    </xdr:sp>
    <xdr:clientData/>
  </xdr:twoCellAnchor>
  <xdr:twoCellAnchor>
    <xdr:from>
      <xdr:col>8</xdr:col>
      <xdr:colOff>704850</xdr:colOff>
      <xdr:row>13</xdr:row>
      <xdr:rowOff>66675</xdr:rowOff>
    </xdr:from>
    <xdr:to>
      <xdr:col>8</xdr:col>
      <xdr:colOff>962025</xdr:colOff>
      <xdr:row>22</xdr:row>
      <xdr:rowOff>219075</xdr:rowOff>
    </xdr:to>
    <xdr:sp macro="" textlink="">
      <xdr:nvSpPr>
        <xdr:cNvPr id="3" name="左大かっこ 2"/>
        <xdr:cNvSpPr/>
      </xdr:nvSpPr>
      <xdr:spPr>
        <a:xfrm flipH="1">
          <a:off x="7210425" y="3981450"/>
          <a:ext cx="257175" cy="3152775"/>
        </a:xfrm>
        <a:prstGeom prst="leftBracket">
          <a:avLst/>
        </a:prstGeom>
        <a:ln>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endParaRPr lang="ja-JP" altLang="en-US"/>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T56"/>
  <sheetViews>
    <sheetView tabSelected="1" workbookViewId="0">
      <selection activeCell="I1" sqref="I1"/>
    </sheetView>
  </sheetViews>
  <sheetFormatPr defaultColWidth="8.875" defaultRowHeight="13.5"/>
  <cols>
    <col min="1" max="1" width="4.875" style="49" customWidth="1"/>
    <col min="2" max="3" width="4.875" style="50" customWidth="1"/>
    <col min="4" max="20" width="4.875" style="49" customWidth="1"/>
    <col min="21" max="16384" width="8.875" style="49"/>
  </cols>
  <sheetData>
    <row r="1" spans="1:20" ht="28.9" customHeight="1">
      <c r="E1" s="51" t="s">
        <v>80</v>
      </c>
      <c r="H1" s="52" t="s">
        <v>30</v>
      </c>
    </row>
    <row r="2" spans="1:20">
      <c r="C2" s="53" t="s">
        <v>31</v>
      </c>
    </row>
    <row r="3" spans="1:20" s="56" customFormat="1" ht="18.600000000000001" customHeight="1">
      <c r="A3" s="54"/>
      <c r="B3" s="55" t="s">
        <v>23</v>
      </c>
      <c r="C3" s="55"/>
      <c r="D3" s="55"/>
      <c r="E3" s="55"/>
      <c r="F3" s="55"/>
      <c r="G3" s="55"/>
      <c r="H3" s="55" t="s">
        <v>24</v>
      </c>
      <c r="I3" s="55"/>
      <c r="J3" s="55"/>
      <c r="K3" s="55"/>
      <c r="L3" s="55"/>
      <c r="M3" s="55" t="s">
        <v>26</v>
      </c>
      <c r="N3" s="55"/>
      <c r="O3" s="55"/>
      <c r="P3" s="55"/>
      <c r="Q3" s="55"/>
      <c r="R3" s="55"/>
      <c r="S3" s="55"/>
      <c r="T3" s="55"/>
    </row>
    <row r="4" spans="1:20" s="56" customFormat="1" ht="18.600000000000001" customHeight="1">
      <c r="A4" s="54"/>
      <c r="B4" s="57"/>
      <c r="C4" s="57"/>
      <c r="D4" s="57"/>
      <c r="E4" s="57"/>
      <c r="F4" s="57"/>
      <c r="G4" s="57"/>
      <c r="H4" s="57" t="s">
        <v>25</v>
      </c>
      <c r="I4" s="57"/>
      <c r="J4" s="57"/>
      <c r="K4" s="57"/>
      <c r="L4" s="57"/>
      <c r="M4" s="58" t="s">
        <v>34</v>
      </c>
      <c r="N4" s="58"/>
      <c r="O4" s="58"/>
      <c r="P4" s="58"/>
      <c r="Q4" s="58"/>
      <c r="R4" s="58"/>
      <c r="S4" s="58"/>
      <c r="T4" s="58"/>
    </row>
    <row r="5" spans="1:20" s="56" customFormat="1" ht="18.600000000000001" customHeight="1">
      <c r="A5" s="54"/>
      <c r="B5" s="55" t="s">
        <v>41</v>
      </c>
      <c r="C5" s="55"/>
      <c r="D5" s="55"/>
      <c r="E5" s="55"/>
      <c r="F5" s="55"/>
      <c r="G5" s="55"/>
      <c r="H5" s="55" t="s">
        <v>14</v>
      </c>
      <c r="I5" s="55"/>
      <c r="J5" s="55"/>
      <c r="K5" s="55"/>
      <c r="L5" s="55"/>
      <c r="M5" s="55" t="s">
        <v>35</v>
      </c>
      <c r="N5" s="55"/>
      <c r="O5" s="55"/>
      <c r="P5" s="55"/>
      <c r="Q5" s="55"/>
      <c r="R5" s="55"/>
      <c r="S5" s="55"/>
      <c r="T5" s="55"/>
    </row>
    <row r="6" spans="1:20" s="56" customFormat="1" ht="18.600000000000001" customHeight="1">
      <c r="A6" s="54"/>
      <c r="B6" s="57"/>
      <c r="C6" s="57"/>
      <c r="D6" s="57"/>
      <c r="E6" s="57"/>
      <c r="F6" s="57"/>
      <c r="G6" s="57"/>
      <c r="H6" s="57"/>
      <c r="I6" s="57"/>
      <c r="J6" s="57"/>
      <c r="K6" s="57"/>
      <c r="L6" s="57"/>
      <c r="M6" s="57"/>
      <c r="N6" s="57"/>
      <c r="O6" s="57"/>
      <c r="P6" s="57"/>
      <c r="Q6" s="57"/>
      <c r="R6" s="57"/>
      <c r="S6" s="57"/>
      <c r="T6" s="57"/>
    </row>
    <row r="7" spans="1:20" s="56" customFormat="1" ht="18.600000000000001" customHeight="1">
      <c r="A7" s="54"/>
      <c r="B7" s="57"/>
      <c r="C7" s="57"/>
      <c r="D7" s="57"/>
      <c r="E7" s="57"/>
      <c r="F7" s="57"/>
      <c r="G7" s="57"/>
      <c r="H7" s="57"/>
      <c r="I7" s="57"/>
      <c r="J7" s="57"/>
      <c r="K7" s="57"/>
      <c r="L7" s="57"/>
      <c r="M7" s="57"/>
      <c r="N7" s="57"/>
      <c r="O7" s="57"/>
      <c r="P7" s="57"/>
      <c r="Q7" s="57"/>
      <c r="R7" s="57"/>
      <c r="S7" s="57"/>
      <c r="T7" s="57"/>
    </row>
    <row r="8" spans="1:20" s="56" customFormat="1" ht="13.5" customHeight="1">
      <c r="B8" s="59" t="s">
        <v>32</v>
      </c>
      <c r="C8" s="60" t="s">
        <v>33</v>
      </c>
    </row>
    <row r="9" spans="1:20" s="56" customFormat="1" ht="13.5" customHeight="1">
      <c r="C9" s="60" t="s">
        <v>42</v>
      </c>
    </row>
    <row r="10" spans="1:20" s="56" customFormat="1" ht="13.5" customHeight="1">
      <c r="B10" s="61"/>
      <c r="C10" s="60" t="s">
        <v>43</v>
      </c>
    </row>
    <row r="11" spans="1:20" s="56" customFormat="1" ht="13.5" customHeight="1">
      <c r="A11" s="62" t="s">
        <v>82</v>
      </c>
      <c r="B11" s="61"/>
      <c r="C11" s="60"/>
    </row>
    <row r="12" spans="1:20" s="56" customFormat="1" ht="5.45" customHeight="1">
      <c r="A12" s="63"/>
      <c r="B12" s="64"/>
      <c r="C12" s="64"/>
      <c r="D12" s="63"/>
      <c r="E12" s="63"/>
      <c r="F12" s="63"/>
      <c r="G12" s="63"/>
      <c r="H12" s="63"/>
      <c r="I12" s="63"/>
      <c r="J12" s="63"/>
      <c r="K12" s="63"/>
      <c r="L12" s="63"/>
      <c r="M12" s="63"/>
      <c r="N12" s="63"/>
      <c r="O12" s="63"/>
      <c r="P12" s="63"/>
      <c r="Q12" s="63"/>
      <c r="R12" s="63"/>
      <c r="S12" s="63"/>
      <c r="T12" s="63"/>
    </row>
    <row r="13" spans="1:20" s="56" customFormat="1" ht="10.15" customHeight="1">
      <c r="A13" s="54"/>
      <c r="B13" s="65"/>
      <c r="C13" s="65"/>
      <c r="D13" s="54"/>
      <c r="E13" s="54"/>
      <c r="F13" s="54"/>
      <c r="G13" s="54"/>
      <c r="H13" s="54"/>
      <c r="I13" s="54"/>
      <c r="J13" s="54"/>
      <c r="K13" s="54"/>
      <c r="L13" s="54"/>
      <c r="M13" s="54"/>
    </row>
    <row r="14" spans="1:20" s="56" customFormat="1" ht="16.149999999999999" customHeight="1">
      <c r="B14" s="66" t="s">
        <v>27</v>
      </c>
      <c r="C14" s="61"/>
      <c r="L14" s="56" t="s">
        <v>5</v>
      </c>
      <c r="N14" s="59"/>
      <c r="T14" s="59" t="s">
        <v>12</v>
      </c>
    </row>
    <row r="15" spans="1:20" s="56" customFormat="1" ht="16.149999999999999" customHeight="1">
      <c r="B15" s="61"/>
      <c r="C15" s="61"/>
      <c r="L15" s="56" t="s">
        <v>6</v>
      </c>
    </row>
    <row r="16" spans="1:20" s="56" customFormat="1" ht="16.149999999999999" customHeight="1">
      <c r="B16" s="61"/>
      <c r="C16" s="61"/>
      <c r="L16" s="56" t="s">
        <v>7</v>
      </c>
      <c r="T16" s="59" t="s">
        <v>36</v>
      </c>
    </row>
    <row r="17" spans="2:20" s="56" customFormat="1" ht="16.149999999999999" customHeight="1">
      <c r="B17" s="61"/>
      <c r="C17" s="61"/>
      <c r="L17" s="56" t="s">
        <v>8</v>
      </c>
    </row>
    <row r="18" spans="2:20" s="56" customFormat="1" ht="16.149999999999999" customHeight="1">
      <c r="B18" s="61"/>
      <c r="C18" s="61"/>
      <c r="L18" s="56" t="s">
        <v>9</v>
      </c>
    </row>
    <row r="19" spans="2:20" s="56" customFormat="1" ht="16.149999999999999" customHeight="1">
      <c r="B19" s="61"/>
      <c r="C19" s="61"/>
      <c r="L19" s="56" t="s">
        <v>10</v>
      </c>
    </row>
    <row r="20" spans="2:20" s="56" customFormat="1" ht="16.149999999999999" customHeight="1">
      <c r="B20" s="61"/>
      <c r="C20" s="61"/>
      <c r="L20" s="56" t="s">
        <v>11</v>
      </c>
    </row>
    <row r="21" spans="2:20" s="56" customFormat="1" ht="13.5" customHeight="1">
      <c r="B21" s="61"/>
      <c r="C21" s="61"/>
    </row>
    <row r="22" spans="2:20" s="56" customFormat="1" ht="13.5" customHeight="1">
      <c r="B22" s="67" t="s">
        <v>22</v>
      </c>
      <c r="C22" s="67"/>
      <c r="D22" s="67"/>
      <c r="E22" s="67"/>
      <c r="F22" s="67"/>
      <c r="G22" s="67"/>
      <c r="H22" s="67"/>
      <c r="I22" s="67"/>
      <c r="J22" s="67"/>
      <c r="K22" s="67"/>
      <c r="L22" s="67"/>
      <c r="M22" s="67"/>
    </row>
    <row r="23" spans="2:20" s="56" customFormat="1" ht="7.9" customHeight="1">
      <c r="B23" s="61"/>
      <c r="C23" s="61"/>
    </row>
    <row r="24" spans="2:20" s="56" customFormat="1" ht="11.45" customHeight="1">
      <c r="B24" s="68" t="s">
        <v>83</v>
      </c>
      <c r="C24" s="61"/>
    </row>
    <row r="25" spans="2:20" s="56" customFormat="1" ht="19.149999999999999" customHeight="1">
      <c r="B25" s="69" t="s">
        <v>0</v>
      </c>
      <c r="C25" s="70" t="s">
        <v>15</v>
      </c>
      <c r="D25" s="71"/>
      <c r="E25" s="72"/>
      <c r="F25" s="73"/>
      <c r="G25" s="74"/>
      <c r="H25" s="74"/>
      <c r="I25" s="74"/>
      <c r="J25" s="74"/>
      <c r="K25" s="74"/>
      <c r="L25" s="74"/>
      <c r="M25" s="74"/>
      <c r="N25" s="74"/>
      <c r="O25" s="74"/>
      <c r="P25" s="74"/>
      <c r="Q25" s="74"/>
      <c r="R25" s="74"/>
      <c r="S25" s="74"/>
      <c r="T25" s="75"/>
    </row>
    <row r="26" spans="2:20" s="56" customFormat="1" ht="11.45" customHeight="1">
      <c r="B26" s="76" t="s">
        <v>84</v>
      </c>
      <c r="C26" s="76"/>
      <c r="D26" s="76"/>
      <c r="E26" s="76"/>
      <c r="F26" s="76"/>
      <c r="G26" s="76"/>
      <c r="H26" s="76"/>
      <c r="I26" s="76"/>
      <c r="J26" s="76"/>
      <c r="K26" s="76"/>
      <c r="L26" s="76"/>
      <c r="M26" s="76"/>
    </row>
    <row r="27" spans="2:20" s="56" customFormat="1" ht="12" customHeight="1">
      <c r="B27" s="77" t="s">
        <v>1</v>
      </c>
      <c r="C27" s="70" t="s">
        <v>85</v>
      </c>
      <c r="D27" s="71"/>
      <c r="E27" s="72"/>
      <c r="F27" s="73"/>
      <c r="G27" s="74"/>
      <c r="H27" s="74"/>
      <c r="I27" s="74"/>
      <c r="J27" s="74"/>
      <c r="K27" s="74"/>
      <c r="L27" s="74"/>
      <c r="M27" s="74"/>
      <c r="N27" s="74"/>
      <c r="O27" s="74"/>
      <c r="P27" s="74"/>
      <c r="Q27" s="74"/>
      <c r="R27" s="74"/>
      <c r="S27" s="74"/>
      <c r="T27" s="75"/>
    </row>
    <row r="28" spans="2:20" s="56" customFormat="1" ht="20.45" customHeight="1">
      <c r="B28" s="77"/>
      <c r="C28" s="70" t="s">
        <v>16</v>
      </c>
      <c r="D28" s="71"/>
      <c r="E28" s="72"/>
      <c r="F28" s="73"/>
      <c r="G28" s="74"/>
      <c r="H28" s="74"/>
      <c r="I28" s="74"/>
      <c r="J28" s="74"/>
      <c r="K28" s="74"/>
      <c r="L28" s="74"/>
      <c r="M28" s="74"/>
      <c r="N28" s="74"/>
      <c r="O28" s="74"/>
      <c r="P28" s="74"/>
      <c r="Q28" s="74"/>
      <c r="R28" s="74"/>
      <c r="S28" s="74"/>
      <c r="T28" s="75"/>
    </row>
    <row r="29" spans="2:20" s="56" customFormat="1" ht="20.45" customHeight="1">
      <c r="B29" s="69" t="s">
        <v>2</v>
      </c>
      <c r="C29" s="70" t="s">
        <v>17</v>
      </c>
      <c r="D29" s="71"/>
      <c r="E29" s="72"/>
      <c r="F29" s="73"/>
      <c r="G29" s="74"/>
      <c r="H29" s="74"/>
      <c r="I29" s="74"/>
      <c r="J29" s="74"/>
      <c r="K29" s="74"/>
      <c r="L29" s="74"/>
      <c r="M29" s="74"/>
      <c r="N29" s="74"/>
      <c r="O29" s="74"/>
      <c r="P29" s="74"/>
      <c r="Q29" s="74"/>
      <c r="R29" s="74"/>
      <c r="S29" s="74"/>
      <c r="T29" s="75"/>
    </row>
    <row r="30" spans="2:20" s="56" customFormat="1" ht="16.149999999999999" customHeight="1">
      <c r="B30" s="76" t="s">
        <v>86</v>
      </c>
      <c r="C30" s="76"/>
      <c r="D30" s="76"/>
      <c r="E30" s="76"/>
      <c r="F30" s="76"/>
      <c r="G30" s="76"/>
      <c r="H30" s="76"/>
      <c r="I30" s="76"/>
    </row>
    <row r="31" spans="2:20" s="56" customFormat="1" ht="19.899999999999999" customHeight="1">
      <c r="B31" s="69" t="s">
        <v>3</v>
      </c>
      <c r="C31" s="78" t="s">
        <v>87</v>
      </c>
      <c r="D31" s="78"/>
      <c r="E31" s="78"/>
      <c r="F31" s="78"/>
      <c r="G31" s="79" t="s">
        <v>88</v>
      </c>
      <c r="H31" s="80"/>
      <c r="I31" s="80"/>
      <c r="J31" s="80"/>
      <c r="K31" s="80"/>
      <c r="L31" s="81"/>
      <c r="M31" s="82"/>
      <c r="N31" s="83"/>
      <c r="O31" s="84"/>
      <c r="P31" s="84"/>
      <c r="Q31" s="84"/>
      <c r="R31" s="84"/>
      <c r="S31" s="85"/>
      <c r="T31" s="85"/>
    </row>
    <row r="32" spans="2:20" s="56" customFormat="1" ht="19.899999999999999" customHeight="1">
      <c r="B32" s="69">
        <v>5</v>
      </c>
      <c r="C32" s="70" t="s">
        <v>89</v>
      </c>
      <c r="D32" s="71"/>
      <c r="E32" s="72"/>
      <c r="F32" s="86" t="s">
        <v>90</v>
      </c>
      <c r="G32" s="87"/>
      <c r="H32" s="88"/>
      <c r="I32" s="70" t="s">
        <v>91</v>
      </c>
      <c r="J32" s="71"/>
      <c r="K32" s="71"/>
      <c r="L32" s="72"/>
      <c r="M32" s="89" t="s">
        <v>92</v>
      </c>
      <c r="N32" s="90"/>
      <c r="O32" s="90"/>
      <c r="P32" s="90"/>
      <c r="Q32" s="90"/>
      <c r="R32" s="90"/>
      <c r="S32" s="90"/>
      <c r="T32" s="91"/>
    </row>
    <row r="33" spans="2:20" s="56" customFormat="1" ht="19.899999999999999" customHeight="1">
      <c r="B33" s="69">
        <v>6</v>
      </c>
      <c r="C33" s="70" t="s">
        <v>93</v>
      </c>
      <c r="D33" s="71"/>
      <c r="E33" s="72"/>
      <c r="F33" s="73"/>
      <c r="G33" s="74"/>
      <c r="H33" s="74"/>
      <c r="I33" s="74"/>
      <c r="J33" s="74"/>
      <c r="K33" s="74"/>
      <c r="L33" s="74"/>
      <c r="M33" s="74"/>
      <c r="N33" s="74"/>
      <c r="O33" s="74"/>
      <c r="P33" s="74"/>
      <c r="Q33" s="74"/>
      <c r="R33" s="74"/>
      <c r="S33" s="74"/>
      <c r="T33" s="75"/>
    </row>
    <row r="34" spans="2:20" s="56" customFormat="1" ht="19.899999999999999" customHeight="1">
      <c r="B34" s="69">
        <v>7</v>
      </c>
      <c r="C34" s="70" t="s">
        <v>94</v>
      </c>
      <c r="D34" s="71"/>
      <c r="E34" s="72"/>
      <c r="F34" s="73"/>
      <c r="G34" s="74"/>
      <c r="H34" s="74"/>
      <c r="I34" s="74"/>
      <c r="J34" s="74"/>
      <c r="K34" s="74"/>
      <c r="L34" s="74"/>
      <c r="M34" s="74"/>
      <c r="N34" s="74"/>
      <c r="O34" s="74"/>
      <c r="P34" s="74"/>
      <c r="Q34" s="74"/>
      <c r="R34" s="74"/>
      <c r="S34" s="74"/>
      <c r="T34" s="75"/>
    </row>
    <row r="35" spans="2:20" s="56" customFormat="1" ht="19.899999999999999" customHeight="1">
      <c r="B35" s="69">
        <v>8</v>
      </c>
      <c r="C35" s="70" t="s">
        <v>95</v>
      </c>
      <c r="D35" s="71"/>
      <c r="E35" s="72"/>
      <c r="F35" s="73"/>
      <c r="G35" s="74"/>
      <c r="H35" s="74"/>
      <c r="I35" s="74"/>
      <c r="J35" s="74"/>
      <c r="K35" s="74"/>
      <c r="L35" s="74"/>
      <c r="M35" s="74"/>
      <c r="N35" s="74"/>
      <c r="O35" s="74"/>
      <c r="P35" s="74"/>
      <c r="Q35" s="74"/>
      <c r="R35" s="74"/>
      <c r="S35" s="74"/>
      <c r="T35" s="75"/>
    </row>
    <row r="36" spans="2:20" s="56" customFormat="1" ht="19.899999999999999" customHeight="1">
      <c r="B36" s="69">
        <v>9</v>
      </c>
      <c r="C36" s="78" t="s">
        <v>37</v>
      </c>
      <c r="D36" s="78"/>
      <c r="E36" s="78"/>
      <c r="F36" s="77" t="s">
        <v>96</v>
      </c>
      <c r="G36" s="77"/>
      <c r="H36" s="77"/>
      <c r="I36" s="77"/>
      <c r="J36" s="77"/>
      <c r="K36" s="77"/>
      <c r="L36" s="77"/>
      <c r="M36" s="77"/>
      <c r="N36" s="77"/>
      <c r="O36" s="77"/>
      <c r="P36" s="77"/>
      <c r="Q36" s="77"/>
      <c r="R36" s="77"/>
      <c r="S36" s="77"/>
      <c r="T36" s="77"/>
    </row>
    <row r="37" spans="2:20" s="56" customFormat="1" ht="19.899999999999999" customHeight="1">
      <c r="B37" s="69">
        <v>10</v>
      </c>
      <c r="C37" s="78" t="s">
        <v>13</v>
      </c>
      <c r="D37" s="78"/>
      <c r="E37" s="78"/>
      <c r="F37" s="86"/>
      <c r="G37" s="87"/>
      <c r="H37" s="87"/>
      <c r="I37" s="87"/>
      <c r="J37" s="87"/>
      <c r="K37" s="87"/>
      <c r="L37" s="87"/>
      <c r="M37" s="87"/>
      <c r="N37" s="87"/>
      <c r="O37" s="87"/>
      <c r="P37" s="87"/>
      <c r="Q37" s="87"/>
      <c r="R37" s="87"/>
      <c r="S37" s="87"/>
      <c r="T37" s="88"/>
    </row>
    <row r="38" spans="2:20" s="56" customFormat="1" ht="19.899999999999999" customHeight="1">
      <c r="B38" s="77">
        <v>11</v>
      </c>
      <c r="C38" s="92" t="s">
        <v>97</v>
      </c>
      <c r="D38" s="70" t="s">
        <v>20</v>
      </c>
      <c r="E38" s="72"/>
      <c r="F38" s="77" t="s">
        <v>40</v>
      </c>
      <c r="G38" s="77"/>
      <c r="H38" s="77"/>
      <c r="I38" s="77"/>
      <c r="J38" s="77"/>
      <c r="K38" s="77"/>
      <c r="L38" s="77"/>
      <c r="M38" s="77"/>
      <c r="N38" s="77"/>
      <c r="O38" s="77"/>
      <c r="P38" s="78" t="s">
        <v>18</v>
      </c>
      <c r="Q38" s="78"/>
      <c r="R38" s="78"/>
      <c r="S38" s="93" t="s">
        <v>19</v>
      </c>
      <c r="T38" s="94"/>
    </row>
    <row r="39" spans="2:20" s="56" customFormat="1" ht="19.899999999999999" customHeight="1">
      <c r="B39" s="77"/>
      <c r="C39" s="95"/>
      <c r="D39" s="70" t="s">
        <v>98</v>
      </c>
      <c r="E39" s="72"/>
      <c r="F39" s="86" t="s">
        <v>99</v>
      </c>
      <c r="G39" s="87"/>
      <c r="H39" s="87"/>
      <c r="I39" s="87"/>
      <c r="J39" s="87"/>
      <c r="K39" s="87"/>
      <c r="L39" s="87"/>
      <c r="M39" s="87"/>
      <c r="N39" s="87"/>
      <c r="O39" s="87"/>
      <c r="P39" s="87"/>
      <c r="Q39" s="87"/>
      <c r="R39" s="87"/>
      <c r="S39" s="87"/>
      <c r="T39" s="88"/>
    </row>
    <row r="40" spans="2:20" s="56" customFormat="1" ht="19.899999999999999" customHeight="1">
      <c r="B40" s="77"/>
      <c r="C40" s="96"/>
      <c r="D40" s="70" t="s">
        <v>21</v>
      </c>
      <c r="E40" s="72"/>
      <c r="F40" s="77" t="s">
        <v>38</v>
      </c>
      <c r="G40" s="77"/>
      <c r="H40" s="77"/>
      <c r="I40" s="77"/>
      <c r="J40" s="77"/>
      <c r="K40" s="77"/>
      <c r="L40" s="77"/>
      <c r="M40" s="77"/>
      <c r="N40" s="77"/>
      <c r="O40" s="77"/>
      <c r="P40" s="77"/>
      <c r="Q40" s="77"/>
      <c r="R40" s="77"/>
      <c r="S40" s="77"/>
      <c r="T40" s="77"/>
    </row>
    <row r="41" spans="2:20" s="56" customFormat="1" ht="22.9" customHeight="1">
      <c r="B41" s="97">
        <v>12</v>
      </c>
      <c r="C41" s="98" t="s">
        <v>100</v>
      </c>
      <c r="D41" s="98"/>
      <c r="E41" s="98"/>
      <c r="F41" s="99" t="s">
        <v>101</v>
      </c>
      <c r="G41" s="100"/>
      <c r="H41" s="100"/>
      <c r="I41" s="100"/>
      <c r="J41" s="100"/>
      <c r="K41" s="100"/>
      <c r="L41" s="100"/>
      <c r="M41" s="100"/>
      <c r="N41" s="100"/>
      <c r="O41" s="100"/>
      <c r="P41" s="100"/>
      <c r="Q41" s="100"/>
      <c r="R41" s="100"/>
      <c r="S41" s="100"/>
      <c r="T41" s="101"/>
    </row>
    <row r="42" spans="2:20" s="56" customFormat="1" ht="17.45" customHeight="1">
      <c r="B42" s="102"/>
      <c r="C42" s="103"/>
      <c r="D42" s="103"/>
      <c r="E42" s="103"/>
      <c r="F42" s="104" t="s">
        <v>102</v>
      </c>
      <c r="G42" s="105"/>
      <c r="H42" s="105"/>
      <c r="I42" s="105"/>
      <c r="J42" s="105"/>
      <c r="K42" s="105"/>
      <c r="L42" s="105"/>
      <c r="M42" s="105"/>
      <c r="N42" s="105"/>
      <c r="O42" s="105"/>
      <c r="P42" s="105"/>
      <c r="Q42" s="105"/>
      <c r="R42" s="105"/>
      <c r="S42" s="105"/>
      <c r="T42" s="106"/>
    </row>
    <row r="43" spans="2:20" s="56" customFormat="1" ht="19.899999999999999" customHeight="1">
      <c r="B43" s="107">
        <v>13</v>
      </c>
      <c r="C43" s="108" t="s">
        <v>103</v>
      </c>
      <c r="D43" s="108"/>
      <c r="E43" s="108"/>
      <c r="F43" s="108"/>
      <c r="G43" s="108"/>
      <c r="H43" s="108"/>
      <c r="I43" s="108"/>
      <c r="J43" s="57" t="s">
        <v>39</v>
      </c>
      <c r="K43" s="57"/>
      <c r="L43" s="57"/>
      <c r="M43" s="57"/>
      <c r="N43" s="57"/>
      <c r="O43" s="57"/>
      <c r="P43" s="57"/>
      <c r="Q43" s="57"/>
      <c r="R43" s="57"/>
      <c r="S43" s="57"/>
      <c r="T43" s="57"/>
    </row>
    <row r="44" spans="2:20" s="56" customFormat="1" ht="19.899999999999999" customHeight="1">
      <c r="B44" s="109">
        <v>14</v>
      </c>
      <c r="C44" s="108" t="s">
        <v>104</v>
      </c>
      <c r="D44" s="108"/>
      <c r="E44" s="108"/>
      <c r="F44" s="108"/>
      <c r="G44" s="108"/>
      <c r="H44" s="108"/>
      <c r="I44" s="108"/>
      <c r="J44" s="57" t="s">
        <v>39</v>
      </c>
      <c r="K44" s="57"/>
      <c r="L44" s="57"/>
      <c r="M44" s="57"/>
      <c r="N44" s="57"/>
      <c r="O44" s="57"/>
      <c r="P44" s="57"/>
      <c r="Q44" s="57"/>
      <c r="R44" s="57"/>
      <c r="S44" s="57"/>
      <c r="T44" s="57"/>
    </row>
    <row r="45" spans="2:20" s="56" customFormat="1" ht="19.899999999999999" customHeight="1">
      <c r="B45" s="109">
        <v>15</v>
      </c>
      <c r="C45" s="108" t="s">
        <v>28</v>
      </c>
      <c r="D45" s="108"/>
      <c r="E45" s="108"/>
      <c r="F45" s="108"/>
      <c r="G45" s="108"/>
      <c r="H45" s="108"/>
      <c r="I45" s="108"/>
      <c r="J45" s="110" t="s">
        <v>29</v>
      </c>
      <c r="K45" s="110"/>
      <c r="L45" s="110"/>
      <c r="M45" s="110"/>
      <c r="N45" s="110"/>
      <c r="O45" s="110"/>
      <c r="P45" s="110"/>
      <c r="Q45" s="110"/>
      <c r="R45" s="110"/>
      <c r="S45" s="110"/>
      <c r="T45" s="110"/>
    </row>
    <row r="46" spans="2:20" s="56" customFormat="1" ht="19.899999999999999" customHeight="1">
      <c r="B46" s="109">
        <v>16</v>
      </c>
      <c r="C46" s="108" t="s">
        <v>44</v>
      </c>
      <c r="D46" s="108"/>
      <c r="E46" s="108"/>
      <c r="F46" s="108"/>
      <c r="G46" s="108"/>
      <c r="H46" s="108"/>
      <c r="I46" s="108"/>
      <c r="J46" s="111" t="s">
        <v>105</v>
      </c>
      <c r="K46" s="112"/>
      <c r="L46" s="112"/>
      <c r="M46" s="112"/>
      <c r="N46" s="112"/>
      <c r="O46" s="112"/>
      <c r="P46" s="112"/>
      <c r="Q46" s="112"/>
      <c r="R46" s="112"/>
      <c r="S46" s="112"/>
      <c r="T46" s="113"/>
    </row>
    <row r="47" spans="2:20" s="56" customFormat="1" ht="19.899999999999999" customHeight="1">
      <c r="B47" s="109">
        <v>17</v>
      </c>
      <c r="C47" s="108" t="s">
        <v>45</v>
      </c>
      <c r="D47" s="108"/>
      <c r="E47" s="108"/>
      <c r="F47" s="108"/>
      <c r="G47" s="108"/>
      <c r="H47" s="108"/>
      <c r="I47" s="108"/>
      <c r="J47" s="110" t="s">
        <v>106</v>
      </c>
      <c r="K47" s="110"/>
      <c r="L47" s="110"/>
      <c r="M47" s="110"/>
      <c r="N47" s="110"/>
      <c r="O47" s="110"/>
      <c r="P47" s="110"/>
      <c r="Q47" s="110"/>
      <c r="R47" s="110"/>
      <c r="S47" s="110"/>
      <c r="T47" s="110"/>
    </row>
    <row r="48" spans="2:20" s="56" customFormat="1" ht="20.45" customHeight="1">
      <c r="B48" s="109">
        <v>18</v>
      </c>
      <c r="C48" s="72" t="s">
        <v>4</v>
      </c>
      <c r="D48" s="78"/>
      <c r="E48" s="78"/>
      <c r="F48" s="114"/>
      <c r="G48" s="114"/>
      <c r="H48" s="114"/>
      <c r="I48" s="114"/>
      <c r="J48" s="114"/>
      <c r="K48" s="114"/>
      <c r="L48" s="114"/>
      <c r="M48" s="114"/>
      <c r="N48" s="114"/>
      <c r="O48" s="114"/>
      <c r="P48" s="114"/>
      <c r="Q48" s="114"/>
      <c r="R48" s="114"/>
      <c r="S48" s="114"/>
      <c r="T48" s="114"/>
    </row>
    <row r="49" spans="2:3" s="56" customFormat="1" ht="11.25">
      <c r="B49" s="61"/>
      <c r="C49" s="61"/>
    </row>
    <row r="50" spans="2:3" s="56" customFormat="1" ht="11.25">
      <c r="B50" s="61"/>
      <c r="C50" s="61"/>
    </row>
    <row r="51" spans="2:3" s="56" customFormat="1" ht="11.25">
      <c r="B51" s="61"/>
      <c r="C51" s="61"/>
    </row>
    <row r="52" spans="2:3" s="56" customFormat="1" ht="11.25">
      <c r="B52" s="61"/>
      <c r="C52" s="61"/>
    </row>
    <row r="53" spans="2:3" s="56" customFormat="1" ht="11.25">
      <c r="B53" s="61"/>
      <c r="C53" s="61"/>
    </row>
    <row r="54" spans="2:3" s="56" customFormat="1" ht="11.25">
      <c r="B54" s="61"/>
      <c r="C54" s="61"/>
    </row>
    <row r="55" spans="2:3" s="56" customFormat="1" ht="11.25">
      <c r="B55" s="61"/>
      <c r="C55" s="61"/>
    </row>
    <row r="56" spans="2:3" s="56" customFormat="1" ht="11.25">
      <c r="B56" s="61"/>
      <c r="C56" s="61"/>
    </row>
  </sheetData>
  <mergeCells count="69">
    <mergeCell ref="C46:I46"/>
    <mergeCell ref="J46:T46"/>
    <mergeCell ref="C47:I47"/>
    <mergeCell ref="J47:T47"/>
    <mergeCell ref="C48:E48"/>
    <mergeCell ref="F48:T48"/>
    <mergeCell ref="C43:I43"/>
    <mergeCell ref="J43:T43"/>
    <mergeCell ref="C44:I44"/>
    <mergeCell ref="J44:T44"/>
    <mergeCell ref="C45:I45"/>
    <mergeCell ref="J45:T45"/>
    <mergeCell ref="D40:E40"/>
    <mergeCell ref="F40:T40"/>
    <mergeCell ref="B41:B42"/>
    <mergeCell ref="C41:E42"/>
    <mergeCell ref="F41:T41"/>
    <mergeCell ref="F42:T42"/>
    <mergeCell ref="C37:E37"/>
    <mergeCell ref="F37:T37"/>
    <mergeCell ref="B38:B40"/>
    <mergeCell ref="C38:C40"/>
    <mergeCell ref="D38:E38"/>
    <mergeCell ref="F38:O38"/>
    <mergeCell ref="P38:R38"/>
    <mergeCell ref="S38:T38"/>
    <mergeCell ref="D39:E39"/>
    <mergeCell ref="F39:T39"/>
    <mergeCell ref="C34:E34"/>
    <mergeCell ref="F34:T34"/>
    <mergeCell ref="C35:E35"/>
    <mergeCell ref="F35:T35"/>
    <mergeCell ref="C36:E36"/>
    <mergeCell ref="F36:T36"/>
    <mergeCell ref="C32:E32"/>
    <mergeCell ref="F32:H32"/>
    <mergeCell ref="I32:L32"/>
    <mergeCell ref="M32:T32"/>
    <mergeCell ref="C33:E33"/>
    <mergeCell ref="F33:T33"/>
    <mergeCell ref="C29:E29"/>
    <mergeCell ref="F29:T29"/>
    <mergeCell ref="B30:I30"/>
    <mergeCell ref="C31:F31"/>
    <mergeCell ref="G31:L31"/>
    <mergeCell ref="M31:N31"/>
    <mergeCell ref="B22:M22"/>
    <mergeCell ref="C25:E25"/>
    <mergeCell ref="F25:T25"/>
    <mergeCell ref="B26:M26"/>
    <mergeCell ref="B27:B28"/>
    <mergeCell ref="C27:E27"/>
    <mergeCell ref="F27:T27"/>
    <mergeCell ref="C28:E28"/>
    <mergeCell ref="F28:T28"/>
    <mergeCell ref="B6:G6"/>
    <mergeCell ref="H6:L6"/>
    <mergeCell ref="M6:T6"/>
    <mergeCell ref="B7:G7"/>
    <mergeCell ref="H7:L7"/>
    <mergeCell ref="M7:T7"/>
    <mergeCell ref="B3:G3"/>
    <mergeCell ref="H3:L3"/>
    <mergeCell ref="M3:T3"/>
    <mergeCell ref="B4:G4"/>
    <mergeCell ref="H4:L4"/>
    <mergeCell ref="B5:G5"/>
    <mergeCell ref="H5:L5"/>
    <mergeCell ref="M5:T5"/>
  </mergeCells>
  <phoneticPr fontId="1"/>
  <pageMargins left="0.31496062992125984" right="0.31496062992125984" top="0.55118110236220474" bottom="0.35433070866141736" header="0.31496062992125984" footer="0.31496062992125984"/>
  <pageSetup paperSize="9"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35"/>
  <sheetViews>
    <sheetView zoomScaleNormal="100" workbookViewId="0">
      <selection activeCell="A9" sqref="A9:I9"/>
    </sheetView>
  </sheetViews>
  <sheetFormatPr defaultRowHeight="24.75" customHeight="1"/>
  <cols>
    <col min="1" max="1" width="15.875" style="1" customWidth="1"/>
    <col min="2" max="2" width="4.25" style="1" customWidth="1"/>
    <col min="3" max="3" width="13.125" style="1" customWidth="1"/>
    <col min="4" max="4" width="16" style="1" customWidth="1"/>
    <col min="5" max="7" width="9" style="1"/>
    <col min="8" max="8" width="9.125" style="1" customWidth="1"/>
    <col min="9" max="9" width="17.875" style="1" customWidth="1"/>
    <col min="10" max="16384" width="9" style="1"/>
  </cols>
  <sheetData>
    <row r="1" spans="1:9" ht="48.75" customHeight="1">
      <c r="A1" s="39" t="s">
        <v>46</v>
      </c>
      <c r="B1" s="39"/>
      <c r="C1" s="39"/>
      <c r="D1" s="39"/>
      <c r="E1" s="39"/>
      <c r="F1" s="39"/>
      <c r="G1" s="39"/>
      <c r="H1" s="39"/>
      <c r="I1" s="39"/>
    </row>
    <row r="2" spans="1:9" ht="24.75" customHeight="1">
      <c r="A2" s="2" t="s">
        <v>81</v>
      </c>
    </row>
    <row r="3" spans="1:9" ht="8.25" customHeight="1"/>
    <row r="4" spans="1:9" ht="26.25" customHeight="1">
      <c r="A4" s="3" t="s">
        <v>47</v>
      </c>
      <c r="B4" s="4"/>
      <c r="C4" s="4"/>
      <c r="D4" s="3" t="s">
        <v>48</v>
      </c>
      <c r="E4" s="4"/>
      <c r="F4" s="4"/>
      <c r="G4" s="5" t="s">
        <v>49</v>
      </c>
      <c r="H4" s="6" t="s">
        <v>50</v>
      </c>
      <c r="I4" s="7"/>
    </row>
    <row r="5" spans="1:9" ht="7.5" customHeight="1"/>
    <row r="6" spans="1:9" ht="26.25" customHeight="1">
      <c r="A6" s="3" t="s">
        <v>51</v>
      </c>
      <c r="B6" s="4"/>
      <c r="C6" s="4"/>
      <c r="D6" s="3" t="s">
        <v>24</v>
      </c>
      <c r="E6" s="40" t="s">
        <v>52</v>
      </c>
      <c r="F6" s="41"/>
      <c r="G6" s="41"/>
      <c r="H6" s="41"/>
      <c r="I6" s="42"/>
    </row>
    <row r="7" spans="1:9" ht="9" customHeight="1" thickBot="1"/>
    <row r="8" spans="1:9" ht="26.25" customHeight="1" thickTop="1">
      <c r="A8" s="8" t="s">
        <v>53</v>
      </c>
      <c r="B8" s="9"/>
      <c r="C8" s="9"/>
      <c r="D8" s="9" t="s">
        <v>54</v>
      </c>
      <c r="E8" s="9"/>
      <c r="F8" s="9"/>
      <c r="G8" s="9"/>
      <c r="H8" s="9"/>
      <c r="I8" s="10"/>
    </row>
    <row r="9" spans="1:9" ht="26.25" customHeight="1">
      <c r="A9" s="43" t="s">
        <v>55</v>
      </c>
      <c r="B9" s="44"/>
      <c r="C9" s="44"/>
      <c r="D9" s="44"/>
      <c r="E9" s="44"/>
      <c r="F9" s="44"/>
      <c r="G9" s="44"/>
      <c r="H9" s="44"/>
      <c r="I9" s="45"/>
    </row>
    <row r="10" spans="1:9" ht="26.25" customHeight="1">
      <c r="A10" s="43"/>
      <c r="B10" s="44"/>
      <c r="C10" s="44"/>
      <c r="D10" s="44"/>
      <c r="E10" s="44"/>
      <c r="F10" s="44"/>
      <c r="G10" s="44"/>
      <c r="H10" s="44"/>
      <c r="I10" s="45"/>
    </row>
    <row r="11" spans="1:9" ht="26.25" customHeight="1">
      <c r="A11" s="46" t="s">
        <v>56</v>
      </c>
      <c r="B11" s="47"/>
      <c r="C11" s="47"/>
      <c r="D11" s="47"/>
      <c r="E11" s="47"/>
      <c r="F11" s="47"/>
      <c r="G11" s="47"/>
      <c r="H11" s="47"/>
      <c r="I11" s="48"/>
    </row>
    <row r="12" spans="1:9" ht="26.25" customHeight="1">
      <c r="A12" s="11"/>
      <c r="B12" s="12"/>
      <c r="C12" s="12"/>
      <c r="D12" s="12"/>
      <c r="E12" s="12"/>
      <c r="F12" s="12"/>
      <c r="G12" s="12"/>
      <c r="H12" s="12"/>
      <c r="I12" s="13"/>
    </row>
    <row r="13" spans="1:9" ht="26.25" customHeight="1">
      <c r="A13" s="46" t="s">
        <v>57</v>
      </c>
      <c r="B13" s="47"/>
      <c r="C13" s="47"/>
      <c r="D13" s="47"/>
      <c r="E13" s="47"/>
      <c r="F13" s="47"/>
      <c r="G13" s="47"/>
      <c r="H13" s="47"/>
      <c r="I13" s="48"/>
    </row>
    <row r="14" spans="1:9" ht="26.25" customHeight="1">
      <c r="A14" s="14"/>
      <c r="B14" s="15"/>
      <c r="C14" s="15"/>
      <c r="D14" s="15"/>
      <c r="E14" s="15"/>
      <c r="F14" s="15"/>
      <c r="G14" s="15"/>
      <c r="H14" s="15"/>
      <c r="I14" s="16"/>
    </row>
    <row r="15" spans="1:9" ht="26.25" customHeight="1">
      <c r="A15" s="14" t="s">
        <v>58</v>
      </c>
      <c r="B15" s="15"/>
      <c r="C15" s="15"/>
      <c r="D15" s="15"/>
      <c r="E15" s="15"/>
      <c r="F15" s="15"/>
      <c r="G15" s="15"/>
      <c r="H15" s="15"/>
      <c r="I15" s="16"/>
    </row>
    <row r="16" spans="1:9" ht="26.25" customHeight="1">
      <c r="A16" s="14"/>
      <c r="B16" s="15"/>
      <c r="C16" s="15"/>
      <c r="D16" s="15"/>
      <c r="E16" s="15"/>
      <c r="F16" s="15"/>
      <c r="G16" s="15"/>
      <c r="H16" s="15"/>
      <c r="I16" s="16"/>
    </row>
    <row r="17" spans="1:9" ht="26.25" customHeight="1">
      <c r="A17" s="37" t="s">
        <v>59</v>
      </c>
      <c r="B17" s="38"/>
      <c r="C17" s="38"/>
      <c r="D17" s="15"/>
      <c r="E17" s="17" t="s">
        <v>60</v>
      </c>
      <c r="F17" s="18" t="s">
        <v>61</v>
      </c>
      <c r="G17" s="19"/>
      <c r="H17" s="19"/>
      <c r="I17" s="20"/>
    </row>
    <row r="18" spans="1:9" ht="26.25" customHeight="1">
      <c r="A18" s="21"/>
      <c r="B18" s="22"/>
      <c r="C18" s="22"/>
      <c r="D18" s="15"/>
      <c r="E18" s="17"/>
      <c r="F18" s="23"/>
      <c r="G18" s="23"/>
      <c r="H18" s="23"/>
      <c r="I18" s="24"/>
    </row>
    <row r="19" spans="1:9" ht="26.25" customHeight="1">
      <c r="A19" s="14"/>
      <c r="B19" s="15"/>
      <c r="C19" s="15"/>
      <c r="D19" s="15"/>
      <c r="E19" s="17" t="s">
        <v>62</v>
      </c>
      <c r="F19" s="19"/>
      <c r="G19" s="19"/>
      <c r="H19" s="19"/>
      <c r="I19" s="25" t="s">
        <v>63</v>
      </c>
    </row>
    <row r="20" spans="1:9" ht="26.25" customHeight="1">
      <c r="A20" s="14"/>
      <c r="B20" s="15"/>
      <c r="C20" s="15"/>
      <c r="D20" s="15"/>
      <c r="E20" s="17"/>
      <c r="F20" s="23"/>
      <c r="G20" s="23"/>
      <c r="H20" s="23"/>
      <c r="I20" s="26"/>
    </row>
    <row r="21" spans="1:9" ht="26.25" customHeight="1">
      <c r="A21" s="14"/>
      <c r="B21" s="15"/>
      <c r="C21" s="15"/>
      <c r="D21" s="15"/>
      <c r="E21" s="17" t="s">
        <v>64</v>
      </c>
      <c r="F21" s="19"/>
      <c r="G21" s="19"/>
      <c r="H21" s="19"/>
      <c r="I21" s="20"/>
    </row>
    <row r="22" spans="1:9" ht="26.25" customHeight="1">
      <c r="A22" s="27"/>
      <c r="B22" s="28"/>
      <c r="C22" s="28"/>
      <c r="D22" s="28"/>
      <c r="E22" s="28"/>
      <c r="F22" s="28"/>
      <c r="G22" s="28"/>
      <c r="H22" s="28"/>
      <c r="I22" s="29"/>
    </row>
    <row r="23" spans="1:9" ht="26.25" customHeight="1">
      <c r="A23" s="27"/>
      <c r="B23" s="28"/>
      <c r="C23" s="28"/>
      <c r="D23" s="28"/>
      <c r="E23" s="28"/>
      <c r="F23" s="28"/>
      <c r="G23" s="28"/>
      <c r="H23" s="28"/>
      <c r="I23" s="29"/>
    </row>
    <row r="24" spans="1:9" ht="26.25" customHeight="1">
      <c r="A24" s="27"/>
      <c r="B24" s="28"/>
      <c r="C24" s="28"/>
      <c r="D24" s="28"/>
      <c r="E24" s="28"/>
      <c r="F24" s="28"/>
      <c r="G24" s="28"/>
      <c r="H24" s="28"/>
      <c r="I24" s="29"/>
    </row>
    <row r="25" spans="1:9" ht="26.25" customHeight="1">
      <c r="A25" s="27"/>
      <c r="B25" s="28"/>
      <c r="C25" s="28"/>
      <c r="D25" s="28"/>
      <c r="E25" s="28"/>
      <c r="F25" s="28"/>
      <c r="G25" s="28"/>
      <c r="H25" s="28"/>
      <c r="I25" s="29"/>
    </row>
    <row r="26" spans="1:9" ht="26.25" customHeight="1">
      <c r="A26" s="27"/>
      <c r="B26" s="28"/>
      <c r="C26" s="28"/>
      <c r="D26" s="28"/>
      <c r="E26" s="28"/>
      <c r="F26" s="28"/>
      <c r="G26" s="28"/>
      <c r="H26" s="28"/>
      <c r="I26" s="29"/>
    </row>
    <row r="27" spans="1:9" ht="26.25" customHeight="1">
      <c r="A27" s="27"/>
      <c r="B27" s="28"/>
      <c r="C27" s="28"/>
      <c r="D27" s="28"/>
      <c r="E27" s="28"/>
      <c r="F27" s="28"/>
      <c r="G27" s="28"/>
      <c r="H27" s="28"/>
      <c r="I27" s="29"/>
    </row>
    <row r="28" spans="1:9" ht="26.25" customHeight="1">
      <c r="A28" s="27"/>
      <c r="B28" s="28"/>
      <c r="C28" s="28"/>
      <c r="D28" s="28"/>
      <c r="E28" s="28"/>
      <c r="F28" s="28"/>
      <c r="G28" s="28"/>
      <c r="H28" s="28"/>
      <c r="I28" s="29"/>
    </row>
    <row r="29" spans="1:9" ht="26.25" customHeight="1">
      <c r="A29" s="27"/>
      <c r="B29" s="28"/>
      <c r="C29" s="28"/>
      <c r="D29" s="28"/>
      <c r="E29" s="28"/>
      <c r="F29" s="28"/>
      <c r="G29" s="28"/>
      <c r="H29" s="28"/>
      <c r="I29" s="29"/>
    </row>
    <row r="30" spans="1:9" ht="26.25" customHeight="1">
      <c r="A30" s="27"/>
      <c r="B30" s="28"/>
      <c r="C30" s="28"/>
      <c r="D30" s="28"/>
      <c r="E30" s="28"/>
      <c r="F30" s="28"/>
      <c r="G30" s="28"/>
      <c r="H30" s="28"/>
      <c r="I30" s="29"/>
    </row>
    <row r="31" spans="1:9" ht="26.25" customHeight="1" thickBot="1">
      <c r="A31" s="30"/>
      <c r="B31" s="31"/>
      <c r="C31" s="31"/>
      <c r="D31" s="31"/>
      <c r="E31" s="31"/>
      <c r="F31" s="31"/>
      <c r="G31" s="31"/>
      <c r="H31" s="31"/>
      <c r="I31" s="32"/>
    </row>
    <row r="32" spans="1:9" ht="18.75" customHeight="1" thickTop="1">
      <c r="A32" s="1" t="s">
        <v>65</v>
      </c>
    </row>
    <row r="33" spans="1:1" ht="18.75" customHeight="1">
      <c r="A33" s="1" t="s">
        <v>66</v>
      </c>
    </row>
    <row r="34" spans="1:1" ht="18.75" customHeight="1"/>
    <row r="35" spans="1:1" ht="18.75" customHeight="1">
      <c r="A35" s="1" t="s">
        <v>67</v>
      </c>
    </row>
  </sheetData>
  <mergeCells count="7">
    <mergeCell ref="A17:C17"/>
    <mergeCell ref="A1:I1"/>
    <mergeCell ref="E6:I6"/>
    <mergeCell ref="A9:I9"/>
    <mergeCell ref="A10:I10"/>
    <mergeCell ref="A11:I11"/>
    <mergeCell ref="A13:I13"/>
  </mergeCells>
  <phoneticPr fontId="1"/>
  <pageMargins left="0.59055118110236227" right="0.39370078740157483" top="0.73" bottom="0.39370078740157483" header="0.51181102362204722" footer="0.51181102362204722"/>
  <pageSetup paperSize="9" scale="89" fitToHeight="0" orientation="portrait" r:id="rId1"/>
  <headerFooter alignWithMargins="0"/>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35"/>
  <sheetViews>
    <sheetView zoomScaleNormal="100" workbookViewId="0">
      <selection activeCell="A2" sqref="A2"/>
    </sheetView>
  </sheetViews>
  <sheetFormatPr defaultRowHeight="24.75" customHeight="1"/>
  <cols>
    <col min="1" max="1" width="15.875" style="1" customWidth="1"/>
    <col min="2" max="2" width="4.25" style="1" customWidth="1"/>
    <col min="3" max="3" width="13.125" style="1" customWidth="1"/>
    <col min="4" max="4" width="16" style="1" customWidth="1"/>
    <col min="5" max="7" width="9" style="1"/>
    <col min="8" max="8" width="9.125" style="1" customWidth="1"/>
    <col min="9" max="9" width="17.875" style="1" customWidth="1"/>
    <col min="10" max="256" width="9" style="1"/>
    <col min="257" max="257" width="15.875" style="1" customWidth="1"/>
    <col min="258" max="258" width="4.25" style="1" customWidth="1"/>
    <col min="259" max="259" width="13.125" style="1" customWidth="1"/>
    <col min="260" max="260" width="16" style="1" customWidth="1"/>
    <col min="261" max="263" width="9" style="1"/>
    <col min="264" max="264" width="9.125" style="1" customWidth="1"/>
    <col min="265" max="265" width="17.875" style="1" customWidth="1"/>
    <col min="266" max="512" width="9" style="1"/>
    <col min="513" max="513" width="15.875" style="1" customWidth="1"/>
    <col min="514" max="514" width="4.25" style="1" customWidth="1"/>
    <col min="515" max="515" width="13.125" style="1" customWidth="1"/>
    <col min="516" max="516" width="16" style="1" customWidth="1"/>
    <col min="517" max="519" width="9" style="1"/>
    <col min="520" max="520" width="9.125" style="1" customWidth="1"/>
    <col min="521" max="521" width="17.875" style="1" customWidth="1"/>
    <col min="522" max="768" width="9" style="1"/>
    <col min="769" max="769" width="15.875" style="1" customWidth="1"/>
    <col min="770" max="770" width="4.25" style="1" customWidth="1"/>
    <col min="771" max="771" width="13.125" style="1" customWidth="1"/>
    <col min="772" max="772" width="16" style="1" customWidth="1"/>
    <col min="773" max="775" width="9" style="1"/>
    <col min="776" max="776" width="9.125" style="1" customWidth="1"/>
    <col min="777" max="777" width="17.875" style="1" customWidth="1"/>
    <col min="778" max="1024" width="9" style="1"/>
    <col min="1025" max="1025" width="15.875" style="1" customWidth="1"/>
    <col min="1026" max="1026" width="4.25" style="1" customWidth="1"/>
    <col min="1027" max="1027" width="13.125" style="1" customWidth="1"/>
    <col min="1028" max="1028" width="16" style="1" customWidth="1"/>
    <col min="1029" max="1031" width="9" style="1"/>
    <col min="1032" max="1032" width="9.125" style="1" customWidth="1"/>
    <col min="1033" max="1033" width="17.875" style="1" customWidth="1"/>
    <col min="1034" max="1280" width="9" style="1"/>
    <col min="1281" max="1281" width="15.875" style="1" customWidth="1"/>
    <col min="1282" max="1282" width="4.25" style="1" customWidth="1"/>
    <col min="1283" max="1283" width="13.125" style="1" customWidth="1"/>
    <col min="1284" max="1284" width="16" style="1" customWidth="1"/>
    <col min="1285" max="1287" width="9" style="1"/>
    <col min="1288" max="1288" width="9.125" style="1" customWidth="1"/>
    <col min="1289" max="1289" width="17.875" style="1" customWidth="1"/>
    <col min="1290" max="1536" width="9" style="1"/>
    <col min="1537" max="1537" width="15.875" style="1" customWidth="1"/>
    <col min="1538" max="1538" width="4.25" style="1" customWidth="1"/>
    <col min="1539" max="1539" width="13.125" style="1" customWidth="1"/>
    <col min="1540" max="1540" width="16" style="1" customWidth="1"/>
    <col min="1541" max="1543" width="9" style="1"/>
    <col min="1544" max="1544" width="9.125" style="1" customWidth="1"/>
    <col min="1545" max="1545" width="17.875" style="1" customWidth="1"/>
    <col min="1546" max="1792" width="9" style="1"/>
    <col min="1793" max="1793" width="15.875" style="1" customWidth="1"/>
    <col min="1794" max="1794" width="4.25" style="1" customWidth="1"/>
    <col min="1795" max="1795" width="13.125" style="1" customWidth="1"/>
    <col min="1796" max="1796" width="16" style="1" customWidth="1"/>
    <col min="1797" max="1799" width="9" style="1"/>
    <col min="1800" max="1800" width="9.125" style="1" customWidth="1"/>
    <col min="1801" max="1801" width="17.875" style="1" customWidth="1"/>
    <col min="1802" max="2048" width="9" style="1"/>
    <col min="2049" max="2049" width="15.875" style="1" customWidth="1"/>
    <col min="2050" max="2050" width="4.25" style="1" customWidth="1"/>
    <col min="2051" max="2051" width="13.125" style="1" customWidth="1"/>
    <col min="2052" max="2052" width="16" style="1" customWidth="1"/>
    <col min="2053" max="2055" width="9" style="1"/>
    <col min="2056" max="2056" width="9.125" style="1" customWidth="1"/>
    <col min="2057" max="2057" width="17.875" style="1" customWidth="1"/>
    <col min="2058" max="2304" width="9" style="1"/>
    <col min="2305" max="2305" width="15.875" style="1" customWidth="1"/>
    <col min="2306" max="2306" width="4.25" style="1" customWidth="1"/>
    <col min="2307" max="2307" width="13.125" style="1" customWidth="1"/>
    <col min="2308" max="2308" width="16" style="1" customWidth="1"/>
    <col min="2309" max="2311" width="9" style="1"/>
    <col min="2312" max="2312" width="9.125" style="1" customWidth="1"/>
    <col min="2313" max="2313" width="17.875" style="1" customWidth="1"/>
    <col min="2314" max="2560" width="9" style="1"/>
    <col min="2561" max="2561" width="15.875" style="1" customWidth="1"/>
    <col min="2562" max="2562" width="4.25" style="1" customWidth="1"/>
    <col min="2563" max="2563" width="13.125" style="1" customWidth="1"/>
    <col min="2564" max="2564" width="16" style="1" customWidth="1"/>
    <col min="2565" max="2567" width="9" style="1"/>
    <col min="2568" max="2568" width="9.125" style="1" customWidth="1"/>
    <col min="2569" max="2569" width="17.875" style="1" customWidth="1"/>
    <col min="2570" max="2816" width="9" style="1"/>
    <col min="2817" max="2817" width="15.875" style="1" customWidth="1"/>
    <col min="2818" max="2818" width="4.25" style="1" customWidth="1"/>
    <col min="2819" max="2819" width="13.125" style="1" customWidth="1"/>
    <col min="2820" max="2820" width="16" style="1" customWidth="1"/>
    <col min="2821" max="2823" width="9" style="1"/>
    <col min="2824" max="2824" width="9.125" style="1" customWidth="1"/>
    <col min="2825" max="2825" width="17.875" style="1" customWidth="1"/>
    <col min="2826" max="3072" width="9" style="1"/>
    <col min="3073" max="3073" width="15.875" style="1" customWidth="1"/>
    <col min="3074" max="3074" width="4.25" style="1" customWidth="1"/>
    <col min="3075" max="3075" width="13.125" style="1" customWidth="1"/>
    <col min="3076" max="3076" width="16" style="1" customWidth="1"/>
    <col min="3077" max="3079" width="9" style="1"/>
    <col min="3080" max="3080" width="9.125" style="1" customWidth="1"/>
    <col min="3081" max="3081" width="17.875" style="1" customWidth="1"/>
    <col min="3082" max="3328" width="9" style="1"/>
    <col min="3329" max="3329" width="15.875" style="1" customWidth="1"/>
    <col min="3330" max="3330" width="4.25" style="1" customWidth="1"/>
    <col min="3331" max="3331" width="13.125" style="1" customWidth="1"/>
    <col min="3332" max="3332" width="16" style="1" customWidth="1"/>
    <col min="3333" max="3335" width="9" style="1"/>
    <col min="3336" max="3336" width="9.125" style="1" customWidth="1"/>
    <col min="3337" max="3337" width="17.875" style="1" customWidth="1"/>
    <col min="3338" max="3584" width="9" style="1"/>
    <col min="3585" max="3585" width="15.875" style="1" customWidth="1"/>
    <col min="3586" max="3586" width="4.25" style="1" customWidth="1"/>
    <col min="3587" max="3587" width="13.125" style="1" customWidth="1"/>
    <col min="3588" max="3588" width="16" style="1" customWidth="1"/>
    <col min="3589" max="3591" width="9" style="1"/>
    <col min="3592" max="3592" width="9.125" style="1" customWidth="1"/>
    <col min="3593" max="3593" width="17.875" style="1" customWidth="1"/>
    <col min="3594" max="3840" width="9" style="1"/>
    <col min="3841" max="3841" width="15.875" style="1" customWidth="1"/>
    <col min="3842" max="3842" width="4.25" style="1" customWidth="1"/>
    <col min="3843" max="3843" width="13.125" style="1" customWidth="1"/>
    <col min="3844" max="3844" width="16" style="1" customWidth="1"/>
    <col min="3845" max="3847" width="9" style="1"/>
    <col min="3848" max="3848" width="9.125" style="1" customWidth="1"/>
    <col min="3849" max="3849" width="17.875" style="1" customWidth="1"/>
    <col min="3850" max="4096" width="9" style="1"/>
    <col min="4097" max="4097" width="15.875" style="1" customWidth="1"/>
    <col min="4098" max="4098" width="4.25" style="1" customWidth="1"/>
    <col min="4099" max="4099" width="13.125" style="1" customWidth="1"/>
    <col min="4100" max="4100" width="16" style="1" customWidth="1"/>
    <col min="4101" max="4103" width="9" style="1"/>
    <col min="4104" max="4104" width="9.125" style="1" customWidth="1"/>
    <col min="4105" max="4105" width="17.875" style="1" customWidth="1"/>
    <col min="4106" max="4352" width="9" style="1"/>
    <col min="4353" max="4353" width="15.875" style="1" customWidth="1"/>
    <col min="4354" max="4354" width="4.25" style="1" customWidth="1"/>
    <col min="4355" max="4355" width="13.125" style="1" customWidth="1"/>
    <col min="4356" max="4356" width="16" style="1" customWidth="1"/>
    <col min="4357" max="4359" width="9" style="1"/>
    <col min="4360" max="4360" width="9.125" style="1" customWidth="1"/>
    <col min="4361" max="4361" width="17.875" style="1" customWidth="1"/>
    <col min="4362" max="4608" width="9" style="1"/>
    <col min="4609" max="4609" width="15.875" style="1" customWidth="1"/>
    <col min="4610" max="4610" width="4.25" style="1" customWidth="1"/>
    <col min="4611" max="4611" width="13.125" style="1" customWidth="1"/>
    <col min="4612" max="4612" width="16" style="1" customWidth="1"/>
    <col min="4613" max="4615" width="9" style="1"/>
    <col min="4616" max="4616" width="9.125" style="1" customWidth="1"/>
    <col min="4617" max="4617" width="17.875" style="1" customWidth="1"/>
    <col min="4618" max="4864" width="9" style="1"/>
    <col min="4865" max="4865" width="15.875" style="1" customWidth="1"/>
    <col min="4866" max="4866" width="4.25" style="1" customWidth="1"/>
    <col min="4867" max="4867" width="13.125" style="1" customWidth="1"/>
    <col min="4868" max="4868" width="16" style="1" customWidth="1"/>
    <col min="4869" max="4871" width="9" style="1"/>
    <col min="4872" max="4872" width="9.125" style="1" customWidth="1"/>
    <col min="4873" max="4873" width="17.875" style="1" customWidth="1"/>
    <col min="4874" max="5120" width="9" style="1"/>
    <col min="5121" max="5121" width="15.875" style="1" customWidth="1"/>
    <col min="5122" max="5122" width="4.25" style="1" customWidth="1"/>
    <col min="5123" max="5123" width="13.125" style="1" customWidth="1"/>
    <col min="5124" max="5124" width="16" style="1" customWidth="1"/>
    <col min="5125" max="5127" width="9" style="1"/>
    <col min="5128" max="5128" width="9.125" style="1" customWidth="1"/>
    <col min="5129" max="5129" width="17.875" style="1" customWidth="1"/>
    <col min="5130" max="5376" width="9" style="1"/>
    <col min="5377" max="5377" width="15.875" style="1" customWidth="1"/>
    <col min="5378" max="5378" width="4.25" style="1" customWidth="1"/>
    <col min="5379" max="5379" width="13.125" style="1" customWidth="1"/>
    <col min="5380" max="5380" width="16" style="1" customWidth="1"/>
    <col min="5381" max="5383" width="9" style="1"/>
    <col min="5384" max="5384" width="9.125" style="1" customWidth="1"/>
    <col min="5385" max="5385" width="17.875" style="1" customWidth="1"/>
    <col min="5386" max="5632" width="9" style="1"/>
    <col min="5633" max="5633" width="15.875" style="1" customWidth="1"/>
    <col min="5634" max="5634" width="4.25" style="1" customWidth="1"/>
    <col min="5635" max="5635" width="13.125" style="1" customWidth="1"/>
    <col min="5636" max="5636" width="16" style="1" customWidth="1"/>
    <col min="5637" max="5639" width="9" style="1"/>
    <col min="5640" max="5640" width="9.125" style="1" customWidth="1"/>
    <col min="5641" max="5641" width="17.875" style="1" customWidth="1"/>
    <col min="5642" max="5888" width="9" style="1"/>
    <col min="5889" max="5889" width="15.875" style="1" customWidth="1"/>
    <col min="5890" max="5890" width="4.25" style="1" customWidth="1"/>
    <col min="5891" max="5891" width="13.125" style="1" customWidth="1"/>
    <col min="5892" max="5892" width="16" style="1" customWidth="1"/>
    <col min="5893" max="5895" width="9" style="1"/>
    <col min="5896" max="5896" width="9.125" style="1" customWidth="1"/>
    <col min="5897" max="5897" width="17.875" style="1" customWidth="1"/>
    <col min="5898" max="6144" width="9" style="1"/>
    <col min="6145" max="6145" width="15.875" style="1" customWidth="1"/>
    <col min="6146" max="6146" width="4.25" style="1" customWidth="1"/>
    <col min="6147" max="6147" width="13.125" style="1" customWidth="1"/>
    <col min="6148" max="6148" width="16" style="1" customWidth="1"/>
    <col min="6149" max="6151" width="9" style="1"/>
    <col min="6152" max="6152" width="9.125" style="1" customWidth="1"/>
    <col min="6153" max="6153" width="17.875" style="1" customWidth="1"/>
    <col min="6154" max="6400" width="9" style="1"/>
    <col min="6401" max="6401" width="15.875" style="1" customWidth="1"/>
    <col min="6402" max="6402" width="4.25" style="1" customWidth="1"/>
    <col min="6403" max="6403" width="13.125" style="1" customWidth="1"/>
    <col min="6404" max="6404" width="16" style="1" customWidth="1"/>
    <col min="6405" max="6407" width="9" style="1"/>
    <col min="6408" max="6408" width="9.125" style="1" customWidth="1"/>
    <col min="6409" max="6409" width="17.875" style="1" customWidth="1"/>
    <col min="6410" max="6656" width="9" style="1"/>
    <col min="6657" max="6657" width="15.875" style="1" customWidth="1"/>
    <col min="6658" max="6658" width="4.25" style="1" customWidth="1"/>
    <col min="6659" max="6659" width="13.125" style="1" customWidth="1"/>
    <col min="6660" max="6660" width="16" style="1" customWidth="1"/>
    <col min="6661" max="6663" width="9" style="1"/>
    <col min="6664" max="6664" width="9.125" style="1" customWidth="1"/>
    <col min="6665" max="6665" width="17.875" style="1" customWidth="1"/>
    <col min="6666" max="6912" width="9" style="1"/>
    <col min="6913" max="6913" width="15.875" style="1" customWidth="1"/>
    <col min="6914" max="6914" width="4.25" style="1" customWidth="1"/>
    <col min="6915" max="6915" width="13.125" style="1" customWidth="1"/>
    <col min="6916" max="6916" width="16" style="1" customWidth="1"/>
    <col min="6917" max="6919" width="9" style="1"/>
    <col min="6920" max="6920" width="9.125" style="1" customWidth="1"/>
    <col min="6921" max="6921" width="17.875" style="1" customWidth="1"/>
    <col min="6922" max="7168" width="9" style="1"/>
    <col min="7169" max="7169" width="15.875" style="1" customWidth="1"/>
    <col min="7170" max="7170" width="4.25" style="1" customWidth="1"/>
    <col min="7171" max="7171" width="13.125" style="1" customWidth="1"/>
    <col min="7172" max="7172" width="16" style="1" customWidth="1"/>
    <col min="7173" max="7175" width="9" style="1"/>
    <col min="7176" max="7176" width="9.125" style="1" customWidth="1"/>
    <col min="7177" max="7177" width="17.875" style="1" customWidth="1"/>
    <col min="7178" max="7424" width="9" style="1"/>
    <col min="7425" max="7425" width="15.875" style="1" customWidth="1"/>
    <col min="7426" max="7426" width="4.25" style="1" customWidth="1"/>
    <col min="7427" max="7427" width="13.125" style="1" customWidth="1"/>
    <col min="7428" max="7428" width="16" style="1" customWidth="1"/>
    <col min="7429" max="7431" width="9" style="1"/>
    <col min="7432" max="7432" width="9.125" style="1" customWidth="1"/>
    <col min="7433" max="7433" width="17.875" style="1" customWidth="1"/>
    <col min="7434" max="7680" width="9" style="1"/>
    <col min="7681" max="7681" width="15.875" style="1" customWidth="1"/>
    <col min="7682" max="7682" width="4.25" style="1" customWidth="1"/>
    <col min="7683" max="7683" width="13.125" style="1" customWidth="1"/>
    <col min="7684" max="7684" width="16" style="1" customWidth="1"/>
    <col min="7685" max="7687" width="9" style="1"/>
    <col min="7688" max="7688" width="9.125" style="1" customWidth="1"/>
    <col min="7689" max="7689" width="17.875" style="1" customWidth="1"/>
    <col min="7690" max="7936" width="9" style="1"/>
    <col min="7937" max="7937" width="15.875" style="1" customWidth="1"/>
    <col min="7938" max="7938" width="4.25" style="1" customWidth="1"/>
    <col min="7939" max="7939" width="13.125" style="1" customWidth="1"/>
    <col min="7940" max="7940" width="16" style="1" customWidth="1"/>
    <col min="7941" max="7943" width="9" style="1"/>
    <col min="7944" max="7944" width="9.125" style="1" customWidth="1"/>
    <col min="7945" max="7945" width="17.875" style="1" customWidth="1"/>
    <col min="7946" max="8192" width="9" style="1"/>
    <col min="8193" max="8193" width="15.875" style="1" customWidth="1"/>
    <col min="8194" max="8194" width="4.25" style="1" customWidth="1"/>
    <col min="8195" max="8195" width="13.125" style="1" customWidth="1"/>
    <col min="8196" max="8196" width="16" style="1" customWidth="1"/>
    <col min="8197" max="8199" width="9" style="1"/>
    <col min="8200" max="8200" width="9.125" style="1" customWidth="1"/>
    <col min="8201" max="8201" width="17.875" style="1" customWidth="1"/>
    <col min="8202" max="8448" width="9" style="1"/>
    <col min="8449" max="8449" width="15.875" style="1" customWidth="1"/>
    <col min="8450" max="8450" width="4.25" style="1" customWidth="1"/>
    <col min="8451" max="8451" width="13.125" style="1" customWidth="1"/>
    <col min="8452" max="8452" width="16" style="1" customWidth="1"/>
    <col min="8453" max="8455" width="9" style="1"/>
    <col min="8456" max="8456" width="9.125" style="1" customWidth="1"/>
    <col min="8457" max="8457" width="17.875" style="1" customWidth="1"/>
    <col min="8458" max="8704" width="9" style="1"/>
    <col min="8705" max="8705" width="15.875" style="1" customWidth="1"/>
    <col min="8706" max="8706" width="4.25" style="1" customWidth="1"/>
    <col min="8707" max="8707" width="13.125" style="1" customWidth="1"/>
    <col min="8708" max="8708" width="16" style="1" customWidth="1"/>
    <col min="8709" max="8711" width="9" style="1"/>
    <col min="8712" max="8712" width="9.125" style="1" customWidth="1"/>
    <col min="8713" max="8713" width="17.875" style="1" customWidth="1"/>
    <col min="8714" max="8960" width="9" style="1"/>
    <col min="8961" max="8961" width="15.875" style="1" customWidth="1"/>
    <col min="8962" max="8962" width="4.25" style="1" customWidth="1"/>
    <col min="8963" max="8963" width="13.125" style="1" customWidth="1"/>
    <col min="8964" max="8964" width="16" style="1" customWidth="1"/>
    <col min="8965" max="8967" width="9" style="1"/>
    <col min="8968" max="8968" width="9.125" style="1" customWidth="1"/>
    <col min="8969" max="8969" width="17.875" style="1" customWidth="1"/>
    <col min="8970" max="9216" width="9" style="1"/>
    <col min="9217" max="9217" width="15.875" style="1" customWidth="1"/>
    <col min="9218" max="9218" width="4.25" style="1" customWidth="1"/>
    <col min="9219" max="9219" width="13.125" style="1" customWidth="1"/>
    <col min="9220" max="9220" width="16" style="1" customWidth="1"/>
    <col min="9221" max="9223" width="9" style="1"/>
    <col min="9224" max="9224" width="9.125" style="1" customWidth="1"/>
    <col min="9225" max="9225" width="17.875" style="1" customWidth="1"/>
    <col min="9226" max="9472" width="9" style="1"/>
    <col min="9473" max="9473" width="15.875" style="1" customWidth="1"/>
    <col min="9474" max="9474" width="4.25" style="1" customWidth="1"/>
    <col min="9475" max="9475" width="13.125" style="1" customWidth="1"/>
    <col min="9476" max="9476" width="16" style="1" customWidth="1"/>
    <col min="9477" max="9479" width="9" style="1"/>
    <col min="9480" max="9480" width="9.125" style="1" customWidth="1"/>
    <col min="9481" max="9481" width="17.875" style="1" customWidth="1"/>
    <col min="9482" max="9728" width="9" style="1"/>
    <col min="9729" max="9729" width="15.875" style="1" customWidth="1"/>
    <col min="9730" max="9730" width="4.25" style="1" customWidth="1"/>
    <col min="9731" max="9731" width="13.125" style="1" customWidth="1"/>
    <col min="9732" max="9732" width="16" style="1" customWidth="1"/>
    <col min="9733" max="9735" width="9" style="1"/>
    <col min="9736" max="9736" width="9.125" style="1" customWidth="1"/>
    <col min="9737" max="9737" width="17.875" style="1" customWidth="1"/>
    <col min="9738" max="9984" width="9" style="1"/>
    <col min="9985" max="9985" width="15.875" style="1" customWidth="1"/>
    <col min="9986" max="9986" width="4.25" style="1" customWidth="1"/>
    <col min="9987" max="9987" width="13.125" style="1" customWidth="1"/>
    <col min="9988" max="9988" width="16" style="1" customWidth="1"/>
    <col min="9989" max="9991" width="9" style="1"/>
    <col min="9992" max="9992" width="9.125" style="1" customWidth="1"/>
    <col min="9993" max="9993" width="17.875" style="1" customWidth="1"/>
    <col min="9994" max="10240" width="9" style="1"/>
    <col min="10241" max="10241" width="15.875" style="1" customWidth="1"/>
    <col min="10242" max="10242" width="4.25" style="1" customWidth="1"/>
    <col min="10243" max="10243" width="13.125" style="1" customWidth="1"/>
    <col min="10244" max="10244" width="16" style="1" customWidth="1"/>
    <col min="10245" max="10247" width="9" style="1"/>
    <col min="10248" max="10248" width="9.125" style="1" customWidth="1"/>
    <col min="10249" max="10249" width="17.875" style="1" customWidth="1"/>
    <col min="10250" max="10496" width="9" style="1"/>
    <col min="10497" max="10497" width="15.875" style="1" customWidth="1"/>
    <col min="10498" max="10498" width="4.25" style="1" customWidth="1"/>
    <col min="10499" max="10499" width="13.125" style="1" customWidth="1"/>
    <col min="10500" max="10500" width="16" style="1" customWidth="1"/>
    <col min="10501" max="10503" width="9" style="1"/>
    <col min="10504" max="10504" width="9.125" style="1" customWidth="1"/>
    <col min="10505" max="10505" width="17.875" style="1" customWidth="1"/>
    <col min="10506" max="10752" width="9" style="1"/>
    <col min="10753" max="10753" width="15.875" style="1" customWidth="1"/>
    <col min="10754" max="10754" width="4.25" style="1" customWidth="1"/>
    <col min="10755" max="10755" width="13.125" style="1" customWidth="1"/>
    <col min="10756" max="10756" width="16" style="1" customWidth="1"/>
    <col min="10757" max="10759" width="9" style="1"/>
    <col min="10760" max="10760" width="9.125" style="1" customWidth="1"/>
    <col min="10761" max="10761" width="17.875" style="1" customWidth="1"/>
    <col min="10762" max="11008" width="9" style="1"/>
    <col min="11009" max="11009" width="15.875" style="1" customWidth="1"/>
    <col min="11010" max="11010" width="4.25" style="1" customWidth="1"/>
    <col min="11011" max="11011" width="13.125" style="1" customWidth="1"/>
    <col min="11012" max="11012" width="16" style="1" customWidth="1"/>
    <col min="11013" max="11015" width="9" style="1"/>
    <col min="11016" max="11016" width="9.125" style="1" customWidth="1"/>
    <col min="11017" max="11017" width="17.875" style="1" customWidth="1"/>
    <col min="11018" max="11264" width="9" style="1"/>
    <col min="11265" max="11265" width="15.875" style="1" customWidth="1"/>
    <col min="11266" max="11266" width="4.25" style="1" customWidth="1"/>
    <col min="11267" max="11267" width="13.125" style="1" customWidth="1"/>
    <col min="11268" max="11268" width="16" style="1" customWidth="1"/>
    <col min="11269" max="11271" width="9" style="1"/>
    <col min="11272" max="11272" width="9.125" style="1" customWidth="1"/>
    <col min="11273" max="11273" width="17.875" style="1" customWidth="1"/>
    <col min="11274" max="11520" width="9" style="1"/>
    <col min="11521" max="11521" width="15.875" style="1" customWidth="1"/>
    <col min="11522" max="11522" width="4.25" style="1" customWidth="1"/>
    <col min="11523" max="11523" width="13.125" style="1" customWidth="1"/>
    <col min="11524" max="11524" width="16" style="1" customWidth="1"/>
    <col min="11525" max="11527" width="9" style="1"/>
    <col min="11528" max="11528" width="9.125" style="1" customWidth="1"/>
    <col min="11529" max="11529" width="17.875" style="1" customWidth="1"/>
    <col min="11530" max="11776" width="9" style="1"/>
    <col min="11777" max="11777" width="15.875" style="1" customWidth="1"/>
    <col min="11778" max="11778" width="4.25" style="1" customWidth="1"/>
    <col min="11779" max="11779" width="13.125" style="1" customWidth="1"/>
    <col min="11780" max="11780" width="16" style="1" customWidth="1"/>
    <col min="11781" max="11783" width="9" style="1"/>
    <col min="11784" max="11784" width="9.125" style="1" customWidth="1"/>
    <col min="11785" max="11785" width="17.875" style="1" customWidth="1"/>
    <col min="11786" max="12032" width="9" style="1"/>
    <col min="12033" max="12033" width="15.875" style="1" customWidth="1"/>
    <col min="12034" max="12034" width="4.25" style="1" customWidth="1"/>
    <col min="12035" max="12035" width="13.125" style="1" customWidth="1"/>
    <col min="12036" max="12036" width="16" style="1" customWidth="1"/>
    <col min="12037" max="12039" width="9" style="1"/>
    <col min="12040" max="12040" width="9.125" style="1" customWidth="1"/>
    <col min="12041" max="12041" width="17.875" style="1" customWidth="1"/>
    <col min="12042" max="12288" width="9" style="1"/>
    <col min="12289" max="12289" width="15.875" style="1" customWidth="1"/>
    <col min="12290" max="12290" width="4.25" style="1" customWidth="1"/>
    <col min="12291" max="12291" width="13.125" style="1" customWidth="1"/>
    <col min="12292" max="12292" width="16" style="1" customWidth="1"/>
    <col min="12293" max="12295" width="9" style="1"/>
    <col min="12296" max="12296" width="9.125" style="1" customWidth="1"/>
    <col min="12297" max="12297" width="17.875" style="1" customWidth="1"/>
    <col min="12298" max="12544" width="9" style="1"/>
    <col min="12545" max="12545" width="15.875" style="1" customWidth="1"/>
    <col min="12546" max="12546" width="4.25" style="1" customWidth="1"/>
    <col min="12547" max="12547" width="13.125" style="1" customWidth="1"/>
    <col min="12548" max="12548" width="16" style="1" customWidth="1"/>
    <col min="12549" max="12551" width="9" style="1"/>
    <col min="12552" max="12552" width="9.125" style="1" customWidth="1"/>
    <col min="12553" max="12553" width="17.875" style="1" customWidth="1"/>
    <col min="12554" max="12800" width="9" style="1"/>
    <col min="12801" max="12801" width="15.875" style="1" customWidth="1"/>
    <col min="12802" max="12802" width="4.25" style="1" customWidth="1"/>
    <col min="12803" max="12803" width="13.125" style="1" customWidth="1"/>
    <col min="12804" max="12804" width="16" style="1" customWidth="1"/>
    <col min="12805" max="12807" width="9" style="1"/>
    <col min="12808" max="12808" width="9.125" style="1" customWidth="1"/>
    <col min="12809" max="12809" width="17.875" style="1" customWidth="1"/>
    <col min="12810" max="13056" width="9" style="1"/>
    <col min="13057" max="13057" width="15.875" style="1" customWidth="1"/>
    <col min="13058" max="13058" width="4.25" style="1" customWidth="1"/>
    <col min="13059" max="13059" width="13.125" style="1" customWidth="1"/>
    <col min="13060" max="13060" width="16" style="1" customWidth="1"/>
    <col min="13061" max="13063" width="9" style="1"/>
    <col min="13064" max="13064" width="9.125" style="1" customWidth="1"/>
    <col min="13065" max="13065" width="17.875" style="1" customWidth="1"/>
    <col min="13066" max="13312" width="9" style="1"/>
    <col min="13313" max="13313" width="15.875" style="1" customWidth="1"/>
    <col min="13314" max="13314" width="4.25" style="1" customWidth="1"/>
    <col min="13315" max="13315" width="13.125" style="1" customWidth="1"/>
    <col min="13316" max="13316" width="16" style="1" customWidth="1"/>
    <col min="13317" max="13319" width="9" style="1"/>
    <col min="13320" max="13320" width="9.125" style="1" customWidth="1"/>
    <col min="13321" max="13321" width="17.875" style="1" customWidth="1"/>
    <col min="13322" max="13568" width="9" style="1"/>
    <col min="13569" max="13569" width="15.875" style="1" customWidth="1"/>
    <col min="13570" max="13570" width="4.25" style="1" customWidth="1"/>
    <col min="13571" max="13571" width="13.125" style="1" customWidth="1"/>
    <col min="13572" max="13572" width="16" style="1" customWidth="1"/>
    <col min="13573" max="13575" width="9" style="1"/>
    <col min="13576" max="13576" width="9.125" style="1" customWidth="1"/>
    <col min="13577" max="13577" width="17.875" style="1" customWidth="1"/>
    <col min="13578" max="13824" width="9" style="1"/>
    <col min="13825" max="13825" width="15.875" style="1" customWidth="1"/>
    <col min="13826" max="13826" width="4.25" style="1" customWidth="1"/>
    <col min="13827" max="13827" width="13.125" style="1" customWidth="1"/>
    <col min="13828" max="13828" width="16" style="1" customWidth="1"/>
    <col min="13829" max="13831" width="9" style="1"/>
    <col min="13832" max="13832" width="9.125" style="1" customWidth="1"/>
    <col min="13833" max="13833" width="17.875" style="1" customWidth="1"/>
    <col min="13834" max="14080" width="9" style="1"/>
    <col min="14081" max="14081" width="15.875" style="1" customWidth="1"/>
    <col min="14082" max="14082" width="4.25" style="1" customWidth="1"/>
    <col min="14083" max="14083" width="13.125" style="1" customWidth="1"/>
    <col min="14084" max="14084" width="16" style="1" customWidth="1"/>
    <col min="14085" max="14087" width="9" style="1"/>
    <col min="14088" max="14088" width="9.125" style="1" customWidth="1"/>
    <col min="14089" max="14089" width="17.875" style="1" customWidth="1"/>
    <col min="14090" max="14336" width="9" style="1"/>
    <col min="14337" max="14337" width="15.875" style="1" customWidth="1"/>
    <col min="14338" max="14338" width="4.25" style="1" customWidth="1"/>
    <col min="14339" max="14339" width="13.125" style="1" customWidth="1"/>
    <col min="14340" max="14340" width="16" style="1" customWidth="1"/>
    <col min="14341" max="14343" width="9" style="1"/>
    <col min="14344" max="14344" width="9.125" style="1" customWidth="1"/>
    <col min="14345" max="14345" width="17.875" style="1" customWidth="1"/>
    <col min="14346" max="14592" width="9" style="1"/>
    <col min="14593" max="14593" width="15.875" style="1" customWidth="1"/>
    <col min="14594" max="14594" width="4.25" style="1" customWidth="1"/>
    <col min="14595" max="14595" width="13.125" style="1" customWidth="1"/>
    <col min="14596" max="14596" width="16" style="1" customWidth="1"/>
    <col min="14597" max="14599" width="9" style="1"/>
    <col min="14600" max="14600" width="9.125" style="1" customWidth="1"/>
    <col min="14601" max="14601" width="17.875" style="1" customWidth="1"/>
    <col min="14602" max="14848" width="9" style="1"/>
    <col min="14849" max="14849" width="15.875" style="1" customWidth="1"/>
    <col min="14850" max="14850" width="4.25" style="1" customWidth="1"/>
    <col min="14851" max="14851" width="13.125" style="1" customWidth="1"/>
    <col min="14852" max="14852" width="16" style="1" customWidth="1"/>
    <col min="14853" max="14855" width="9" style="1"/>
    <col min="14856" max="14856" width="9.125" style="1" customWidth="1"/>
    <col min="14857" max="14857" width="17.875" style="1" customWidth="1"/>
    <col min="14858" max="15104" width="9" style="1"/>
    <col min="15105" max="15105" width="15.875" style="1" customWidth="1"/>
    <col min="15106" max="15106" width="4.25" style="1" customWidth="1"/>
    <col min="15107" max="15107" width="13.125" style="1" customWidth="1"/>
    <col min="15108" max="15108" width="16" style="1" customWidth="1"/>
    <col min="15109" max="15111" width="9" style="1"/>
    <col min="15112" max="15112" width="9.125" style="1" customWidth="1"/>
    <col min="15113" max="15113" width="17.875" style="1" customWidth="1"/>
    <col min="15114" max="15360" width="9" style="1"/>
    <col min="15361" max="15361" width="15.875" style="1" customWidth="1"/>
    <col min="15362" max="15362" width="4.25" style="1" customWidth="1"/>
    <col min="15363" max="15363" width="13.125" style="1" customWidth="1"/>
    <col min="15364" max="15364" width="16" style="1" customWidth="1"/>
    <col min="15365" max="15367" width="9" style="1"/>
    <col min="15368" max="15368" width="9.125" style="1" customWidth="1"/>
    <col min="15369" max="15369" width="17.875" style="1" customWidth="1"/>
    <col min="15370" max="15616" width="9" style="1"/>
    <col min="15617" max="15617" width="15.875" style="1" customWidth="1"/>
    <col min="15618" max="15618" width="4.25" style="1" customWidth="1"/>
    <col min="15619" max="15619" width="13.125" style="1" customWidth="1"/>
    <col min="15620" max="15620" width="16" style="1" customWidth="1"/>
    <col min="15621" max="15623" width="9" style="1"/>
    <col min="15624" max="15624" width="9.125" style="1" customWidth="1"/>
    <col min="15625" max="15625" width="17.875" style="1" customWidth="1"/>
    <col min="15626" max="15872" width="9" style="1"/>
    <col min="15873" max="15873" width="15.875" style="1" customWidth="1"/>
    <col min="15874" max="15874" width="4.25" style="1" customWidth="1"/>
    <col min="15875" max="15875" width="13.125" style="1" customWidth="1"/>
    <col min="15876" max="15876" width="16" style="1" customWidth="1"/>
    <col min="15877" max="15879" width="9" style="1"/>
    <col min="15880" max="15880" width="9.125" style="1" customWidth="1"/>
    <col min="15881" max="15881" width="17.875" style="1" customWidth="1"/>
    <col min="15882" max="16128" width="9" style="1"/>
    <col min="16129" max="16129" width="15.875" style="1" customWidth="1"/>
    <col min="16130" max="16130" width="4.25" style="1" customWidth="1"/>
    <col min="16131" max="16131" width="13.125" style="1" customWidth="1"/>
    <col min="16132" max="16132" width="16" style="1" customWidth="1"/>
    <col min="16133" max="16135" width="9" style="1"/>
    <col min="16136" max="16136" width="9.125" style="1" customWidth="1"/>
    <col min="16137" max="16137" width="17.875" style="1" customWidth="1"/>
    <col min="16138" max="16384" width="9" style="1"/>
  </cols>
  <sheetData>
    <row r="1" spans="1:9" ht="48.75" customHeight="1">
      <c r="A1" s="39" t="s">
        <v>68</v>
      </c>
      <c r="B1" s="39"/>
      <c r="C1" s="39"/>
      <c r="D1" s="39"/>
      <c r="E1" s="39"/>
      <c r="F1" s="39"/>
      <c r="G1" s="39"/>
      <c r="H1" s="39"/>
      <c r="I1" s="39"/>
    </row>
    <row r="2" spans="1:9" ht="24.75" customHeight="1">
      <c r="A2" s="2" t="s">
        <v>81</v>
      </c>
    </row>
    <row r="3" spans="1:9" ht="8.25" customHeight="1"/>
    <row r="4" spans="1:9" ht="26.25" customHeight="1">
      <c r="A4" s="3" t="s">
        <v>47</v>
      </c>
      <c r="B4" s="4"/>
      <c r="C4" s="4"/>
      <c r="D4" s="3" t="s">
        <v>48</v>
      </c>
      <c r="E4" s="4"/>
      <c r="F4" s="4"/>
      <c r="G4" s="5" t="s">
        <v>49</v>
      </c>
      <c r="H4" s="6" t="s">
        <v>69</v>
      </c>
      <c r="I4" s="7"/>
    </row>
    <row r="5" spans="1:9" ht="7.5" customHeight="1"/>
    <row r="6" spans="1:9" ht="26.25" customHeight="1">
      <c r="A6" s="3" t="s">
        <v>70</v>
      </c>
      <c r="B6" s="4"/>
      <c r="C6" s="4"/>
      <c r="D6" s="3" t="s">
        <v>24</v>
      </c>
      <c r="E6" s="40" t="s">
        <v>52</v>
      </c>
      <c r="F6" s="41"/>
      <c r="G6" s="41"/>
      <c r="H6" s="41"/>
      <c r="I6" s="42"/>
    </row>
    <row r="7" spans="1:9" ht="9" customHeight="1" thickBot="1"/>
    <row r="8" spans="1:9" ht="26.25" customHeight="1" thickTop="1">
      <c r="A8" s="8" t="s">
        <v>71</v>
      </c>
      <c r="B8" s="9"/>
      <c r="C8" s="9"/>
      <c r="D8" s="9"/>
      <c r="E8" s="9"/>
      <c r="F8" s="9"/>
      <c r="G8" s="9"/>
      <c r="H8" s="9"/>
      <c r="I8" s="10"/>
    </row>
    <row r="9" spans="1:9" ht="26.25" customHeight="1">
      <c r="A9" s="43" t="s">
        <v>72</v>
      </c>
      <c r="B9" s="44"/>
      <c r="C9" s="44"/>
      <c r="D9" s="44"/>
      <c r="E9" s="44"/>
      <c r="F9" s="44"/>
      <c r="G9" s="44"/>
      <c r="H9" s="44"/>
      <c r="I9" s="45"/>
    </row>
    <row r="10" spans="1:9" ht="26.25" customHeight="1">
      <c r="A10" s="33" t="s">
        <v>73</v>
      </c>
      <c r="B10" s="15"/>
      <c r="C10" s="15"/>
      <c r="D10" s="15"/>
      <c r="E10" s="15"/>
      <c r="F10" s="15"/>
      <c r="G10" s="15"/>
      <c r="H10" s="15"/>
      <c r="I10" s="16"/>
    </row>
    <row r="11" spans="1:9" ht="26.25" customHeight="1">
      <c r="A11" s="46" t="s">
        <v>74</v>
      </c>
      <c r="B11" s="47"/>
      <c r="C11" s="47"/>
      <c r="D11" s="47"/>
      <c r="E11" s="47"/>
      <c r="F11" s="47"/>
      <c r="G11" s="47"/>
      <c r="H11" s="47"/>
      <c r="I11" s="48"/>
    </row>
    <row r="12" spans="1:9" ht="26.25" customHeight="1">
      <c r="A12" s="11"/>
      <c r="B12" s="12"/>
      <c r="C12" s="12"/>
      <c r="D12" s="12"/>
      <c r="E12" s="12"/>
      <c r="F12" s="12"/>
      <c r="G12" s="12"/>
      <c r="H12" s="12"/>
      <c r="I12" s="13"/>
    </row>
    <row r="13" spans="1:9" ht="26.25" customHeight="1">
      <c r="A13" s="46" t="s">
        <v>75</v>
      </c>
      <c r="B13" s="47"/>
      <c r="C13" s="47"/>
      <c r="D13" s="47"/>
      <c r="E13" s="47"/>
      <c r="F13" s="47"/>
      <c r="G13" s="47"/>
      <c r="H13" s="47"/>
      <c r="I13" s="48"/>
    </row>
    <row r="14" spans="1:9" ht="26.25" customHeight="1">
      <c r="A14" s="14"/>
      <c r="B14" s="15"/>
      <c r="C14" s="15"/>
      <c r="D14" s="15"/>
      <c r="E14" s="15"/>
      <c r="F14" s="15"/>
      <c r="G14" s="15"/>
      <c r="H14" s="15"/>
      <c r="I14" s="16"/>
    </row>
    <row r="15" spans="1:9" ht="26.25" customHeight="1">
      <c r="A15" s="14"/>
      <c r="B15" s="15"/>
      <c r="C15" s="15"/>
      <c r="D15" s="15"/>
      <c r="E15" s="15"/>
      <c r="F15" s="15"/>
      <c r="G15" s="15"/>
      <c r="H15" s="15"/>
      <c r="I15" s="16"/>
    </row>
    <row r="16" spans="1:9" ht="26.25" customHeight="1">
      <c r="A16" s="14"/>
      <c r="B16" s="15"/>
      <c r="C16" s="15"/>
      <c r="D16" s="15"/>
      <c r="E16" s="15"/>
      <c r="F16" s="15"/>
      <c r="G16" s="15"/>
      <c r="H16" s="15"/>
      <c r="I16" s="16"/>
    </row>
    <row r="17" spans="1:9" ht="26.25" customHeight="1">
      <c r="A17" s="34"/>
      <c r="B17" s="35"/>
      <c r="C17" s="35"/>
      <c r="D17" s="35"/>
      <c r="E17" s="35"/>
      <c r="F17" s="35"/>
      <c r="G17" s="35"/>
      <c r="H17" s="35"/>
      <c r="I17" s="36"/>
    </row>
    <row r="18" spans="1:9" ht="26.25" customHeight="1">
      <c r="A18" s="34"/>
      <c r="B18" s="35"/>
      <c r="C18" s="35"/>
      <c r="D18" s="35"/>
      <c r="E18" s="35"/>
      <c r="F18" s="35"/>
      <c r="G18" s="35"/>
      <c r="H18" s="35"/>
      <c r="I18" s="36"/>
    </row>
    <row r="19" spans="1:9" ht="26.25" customHeight="1">
      <c r="A19" s="34"/>
      <c r="B19" s="35"/>
      <c r="C19" s="35"/>
      <c r="D19" s="35"/>
      <c r="E19" s="35"/>
      <c r="F19" s="35"/>
      <c r="G19" s="35"/>
      <c r="H19" s="35"/>
      <c r="I19" s="36"/>
    </row>
    <row r="20" spans="1:9" ht="26.25" customHeight="1">
      <c r="A20" s="34"/>
      <c r="B20" s="35"/>
      <c r="C20" s="35"/>
      <c r="D20" s="35"/>
      <c r="E20" s="35"/>
      <c r="F20" s="35"/>
      <c r="G20" s="35"/>
      <c r="H20" s="35"/>
      <c r="I20" s="36"/>
    </row>
    <row r="21" spans="1:9" ht="26.25" customHeight="1">
      <c r="A21" s="34"/>
      <c r="B21" s="35"/>
      <c r="C21" s="35"/>
      <c r="D21" s="35"/>
      <c r="E21" s="35"/>
      <c r="F21" s="35"/>
      <c r="G21" s="35"/>
      <c r="H21" s="35"/>
      <c r="I21" s="36"/>
    </row>
    <row r="22" spans="1:9" ht="26.25" customHeight="1">
      <c r="A22" s="27"/>
      <c r="B22" s="28"/>
      <c r="C22" s="28"/>
      <c r="D22" s="28"/>
      <c r="E22" s="28"/>
      <c r="F22" s="28"/>
      <c r="G22" s="28"/>
      <c r="H22" s="28"/>
      <c r="I22" s="29"/>
    </row>
    <row r="23" spans="1:9" ht="26.25" customHeight="1">
      <c r="A23" s="27"/>
      <c r="B23" s="28"/>
      <c r="C23" s="28"/>
      <c r="D23" s="28"/>
      <c r="E23" s="28"/>
      <c r="F23" s="28"/>
      <c r="G23" s="28"/>
      <c r="H23" s="28"/>
      <c r="I23" s="29"/>
    </row>
    <row r="24" spans="1:9" ht="26.25" customHeight="1">
      <c r="A24" s="14" t="s">
        <v>76</v>
      </c>
      <c r="B24" s="28"/>
      <c r="C24" s="28"/>
      <c r="D24" s="28"/>
      <c r="E24" s="28"/>
      <c r="F24" s="28"/>
      <c r="G24" s="28"/>
      <c r="H24" s="28"/>
      <c r="I24" s="29"/>
    </row>
    <row r="25" spans="1:9" ht="26.25" customHeight="1">
      <c r="A25" s="27"/>
      <c r="B25" s="28"/>
      <c r="C25" s="28"/>
      <c r="D25" s="28"/>
      <c r="E25" s="28"/>
      <c r="F25" s="28"/>
      <c r="G25" s="28"/>
      <c r="H25" s="28"/>
      <c r="I25" s="29"/>
    </row>
    <row r="26" spans="1:9" ht="26.25" customHeight="1">
      <c r="A26" s="37" t="s">
        <v>59</v>
      </c>
      <c r="B26" s="38"/>
      <c r="C26" s="38"/>
      <c r="D26" s="15"/>
      <c r="E26" s="17" t="s">
        <v>60</v>
      </c>
      <c r="F26" s="18" t="s">
        <v>61</v>
      </c>
      <c r="G26" s="19"/>
      <c r="H26" s="19"/>
      <c r="I26" s="20"/>
    </row>
    <row r="27" spans="1:9" ht="26.25" customHeight="1">
      <c r="A27" s="21"/>
      <c r="B27" s="22"/>
      <c r="C27" s="22"/>
      <c r="D27" s="15"/>
      <c r="E27" s="17"/>
      <c r="F27" s="23"/>
      <c r="G27" s="23"/>
      <c r="H27" s="23"/>
      <c r="I27" s="24"/>
    </row>
    <row r="28" spans="1:9" ht="26.25" customHeight="1">
      <c r="A28" s="14"/>
      <c r="B28" s="15"/>
      <c r="C28" s="15"/>
      <c r="D28" s="15"/>
      <c r="E28" s="17" t="s">
        <v>62</v>
      </c>
      <c r="F28" s="19"/>
      <c r="G28" s="19"/>
      <c r="H28" s="19"/>
      <c r="I28" s="25" t="s">
        <v>63</v>
      </c>
    </row>
    <row r="29" spans="1:9" ht="26.25" customHeight="1">
      <c r="A29" s="14"/>
      <c r="B29" s="15"/>
      <c r="C29" s="15"/>
      <c r="D29" s="15"/>
      <c r="E29" s="17"/>
      <c r="F29" s="23"/>
      <c r="G29" s="23"/>
      <c r="H29" s="23"/>
      <c r="I29" s="26"/>
    </row>
    <row r="30" spans="1:9" ht="26.25" customHeight="1">
      <c r="A30" s="14"/>
      <c r="B30" s="15"/>
      <c r="C30" s="15"/>
      <c r="D30" s="15"/>
      <c r="E30" s="17" t="s">
        <v>64</v>
      </c>
      <c r="F30" s="19"/>
      <c r="G30" s="19"/>
      <c r="H30" s="19"/>
      <c r="I30" s="20"/>
    </row>
    <row r="31" spans="1:9" ht="26.25" customHeight="1" thickBot="1">
      <c r="A31" s="30"/>
      <c r="B31" s="31"/>
      <c r="C31" s="31"/>
      <c r="D31" s="31"/>
      <c r="E31" s="31"/>
      <c r="F31" s="31"/>
      <c r="G31" s="31"/>
      <c r="H31" s="31"/>
      <c r="I31" s="32"/>
    </row>
    <row r="32" spans="1:9" ht="18.75" customHeight="1" thickTop="1">
      <c r="A32" s="1" t="s">
        <v>77</v>
      </c>
    </row>
    <row r="33" spans="1:1" ht="18.75" customHeight="1">
      <c r="A33" s="1" t="s">
        <v>78</v>
      </c>
    </row>
    <row r="34" spans="1:1" ht="18.75" customHeight="1"/>
    <row r="35" spans="1:1" ht="18.75" customHeight="1">
      <c r="A35" s="1" t="s">
        <v>79</v>
      </c>
    </row>
  </sheetData>
  <mergeCells count="6">
    <mergeCell ref="A26:C26"/>
    <mergeCell ref="A1:I1"/>
    <mergeCell ref="E6:I6"/>
    <mergeCell ref="A9:I9"/>
    <mergeCell ref="A11:I11"/>
    <mergeCell ref="A13:I13"/>
  </mergeCells>
  <phoneticPr fontId="1"/>
  <pageMargins left="0.59055118110236227" right="0.39370078740157483" top="0.59055118110236227" bottom="0.39370078740157483" header="0.51181102362204722" footer="0.51181102362204722"/>
  <pageSetup paperSize="9" scale="90" orientation="portrait"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3</vt:i4>
      </vt:variant>
    </vt:vector>
  </HeadingPairs>
  <TitlesOfParts>
    <vt:vector size="6" baseType="lpstr">
      <vt:lpstr>就労・復帰 </vt:lpstr>
      <vt:lpstr>誓約書（求職活動）</vt:lpstr>
      <vt:lpstr>看護等申立て</vt:lpstr>
      <vt:lpstr>看護等申立て!Print_Area</vt:lpstr>
      <vt:lpstr>'就労・復帰 '!Print_Area</vt:lpstr>
      <vt:lpstr>'誓約書（求職活動）'!Print_Area</vt:lpstr>
    </vt:vector>
  </TitlesOfParts>
  <Manager/>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01491</dc:creator>
  <cp:lastModifiedBy>01388 大島 美穂</cp:lastModifiedBy>
  <cp:lastPrinted>2019-09-30T09:18:42Z</cp:lastPrinted>
  <dcterms:created xsi:type="dcterms:W3CDTF">2019-08-28T09:24:05Z</dcterms:created>
  <dcterms:modified xsi:type="dcterms:W3CDTF">2019-10-29T09:45:21Z</dcterms:modified>
</cp:coreProperties>
</file>